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 filterPrivacy="1" defaultThemeVersion="124226"/>
  <bookViews>
    <workbookView xWindow="240" yWindow="105" windowWidth="14805" windowHeight="8010"/>
  </bookViews>
  <sheets>
    <sheet name="3.3.4" sheetId="4" r:id="rId1"/>
  </sheets>
  <definedNames>
    <definedName name="_xlnm._FilterDatabase" localSheetId="0" hidden="1">'3.3.4'!$A$1:$G$439</definedName>
  </definedNames>
  <calcPr calcId="124519"/>
</workbook>
</file>

<file path=xl/sharedStrings.xml><?xml version="1.0" encoding="utf-8"?>
<sst xmlns="http://schemas.openxmlformats.org/spreadsheetml/2006/main" count="2655" uniqueCount="1521">
  <si>
    <t>Title of paper</t>
  </si>
  <si>
    <t>Year of publication</t>
  </si>
  <si>
    <t>ISBN/ISSN number</t>
  </si>
  <si>
    <t>Link of the recognition in UGC enlistment of the Journal</t>
  </si>
  <si>
    <t>A.D.Patil</t>
  </si>
  <si>
    <t>Chemical</t>
  </si>
  <si>
    <t>ISSN: 2589-2991</t>
  </si>
  <si>
    <t>V.S.Kore</t>
  </si>
  <si>
    <t>U.S.Patil</t>
  </si>
  <si>
    <t>P.B.Dhanke</t>
  </si>
  <si>
    <t>Phosphate removal from industrial wastewater effluent using modified coal fly ash</t>
  </si>
  <si>
    <t>Desalination and water treatment</t>
  </si>
  <si>
    <t>ISSN 1944-3986</t>
  </si>
  <si>
    <t>Phosphate Removal From Waste Effluent Using Improved Fly Ash</t>
  </si>
  <si>
    <t>ISSN 2214-7853</t>
  </si>
  <si>
    <t>978-1-315-22539-5</t>
  </si>
  <si>
    <t>Degradation Of Fish Processing Industry Wastewater In Hydro-Cavitation Reactor</t>
  </si>
  <si>
    <t>A Review On Citric Acid Production And Its Applications</t>
  </si>
  <si>
    <t>International Journal Of Current Advanced Research</t>
  </si>
  <si>
    <t>ISSN: O: 2319-6475</t>
  </si>
  <si>
    <t>Asian Journal of Convergence in Technology</t>
  </si>
  <si>
    <t>ISSN No.:2350-1146</t>
  </si>
  <si>
    <t>Hydrocarbon Feedstock from Castor oil</t>
  </si>
  <si>
    <t>External Mass Transfer Studies on Adsorption of Methylene Blue on Psidium guava Leaves Powder</t>
  </si>
  <si>
    <t>Dr.S.L.Bhagat</t>
  </si>
  <si>
    <t>Banana peel: a promising adsorbent for wastewater treatment</t>
  </si>
  <si>
    <t>The International Journal of Pure and Applied Research in Engineering and Technology</t>
  </si>
  <si>
    <t>ISSN: 2319-507X</t>
  </si>
  <si>
    <t>Recovery of Furfural by using Membrane</t>
  </si>
  <si>
    <t>Global Research and Development Journal for Engineering</t>
  </si>
  <si>
    <t>ISSN: 2455-5703</t>
  </si>
  <si>
    <t>Simulation study of reactive distillation column for the production of methyl oleate</t>
  </si>
  <si>
    <t>IRJET</t>
  </si>
  <si>
    <t>e-ISSN:2395-0056</t>
  </si>
  <si>
    <t>Preparation of adsorbent using sugarcane bagasse by chemical treatment for the adsorption of methylene blue.</t>
  </si>
  <si>
    <t>S R Yadav</t>
  </si>
  <si>
    <t>Capacity spectrum method for R.C. building with cracked and uncracked section</t>
  </si>
  <si>
    <t>Civil Engg. Dept.</t>
  </si>
  <si>
    <t>(2013-14)</t>
  </si>
  <si>
    <t>e-ISSN: 2278-1684,p-ISSN: 2320-334X</t>
  </si>
  <si>
    <t>http://www.iosrjournals.org/iosr-jmce/papers/vol10-issue2/K01025874.pdf</t>
  </si>
  <si>
    <t>Analysis of strength characteristics of GGBS concrete</t>
  </si>
  <si>
    <t>Mr. M. V. Nagendra</t>
  </si>
  <si>
    <t>International journal of advanced engineering and technology (IJAET) Issue no.2 Vol-5</t>
  </si>
  <si>
    <t>E-ISSN 0976-3945</t>
  </si>
  <si>
    <t>https://www.technicaljournalsonline.com/ijeat/VOL%20V/IJAET%20VOL%20V%20ISSUE%20II%20APRIL%20JUNE%202014/Article%2023%20V%20II%202014.pdf</t>
  </si>
  <si>
    <t xml:space="preserve">International Journal of Research in Engineering and Technology (IJRET) Vol.-3 Special issue-3 </t>
  </si>
  <si>
    <t>Pushover analysis of multistoried building</t>
  </si>
  <si>
    <t>eISSN: 2319-1163 | pISSN: 2321-7308</t>
  </si>
  <si>
    <t>https://ijret.org/volumes/2014v03/i15/IJRET20140315129.pdf</t>
  </si>
  <si>
    <t>Experimental Study of RCC flexural behavior of fly ash reinforced cement concrete beam</t>
  </si>
  <si>
    <t>Miss. Nair V. V</t>
  </si>
  <si>
    <t>Experimental Analysis of glass fiber reinforced composite beams.</t>
  </si>
  <si>
    <t>Mr. N. P. Phadatare</t>
  </si>
  <si>
    <t>http://www.technicaljournalsonline.com/ijeat/VOL%20V/IJAET%20VOL%20V%20ISSUE%20II%20APRIL%20JUNE%202014/Article%2024%20V%20II%202014.pdf</t>
  </si>
  <si>
    <t>Flexural Behavior of Reinforced cement concrete beam wrapped with GFRP sheet.</t>
  </si>
  <si>
    <t>https://ijret.org/volumes/2014v03/i15/IJRET20140315143.pdf</t>
  </si>
  <si>
    <t>Analysis of ground water quality of sangli-miraj-kupwad industrial area by corelation and regression method</t>
  </si>
  <si>
    <t>Miss. V. S. Sadamate</t>
  </si>
  <si>
    <t>Civil Engg. Dept</t>
  </si>
  <si>
    <t>IJAFRC</t>
  </si>
  <si>
    <t>ISSN: 2349-4794</t>
  </si>
  <si>
    <t>Effect of column Discontinuity on Base shear and displacement of structure</t>
  </si>
  <si>
    <t>Dr. D. N. Shinde</t>
  </si>
  <si>
    <t xml:space="preserve">International Journal of Advancement in Engineering, Technology, Management and Applied Sciences, Vol-1 issue-2 </t>
  </si>
  <si>
    <t>ISSN: 2349-3224</t>
  </si>
  <si>
    <t>http://ijaetmas.com/wp-content/uploads/2014/08/IJB028.pdf</t>
  </si>
  <si>
    <t>Flexural behavior of fly ash reinforced cement concrete beam wrapped with GFRP sheet</t>
  </si>
  <si>
    <t>http://ijaetmas.com/wp-content/uploads/2014/08/IJB018.pdf</t>
  </si>
  <si>
    <t>Comparative Study of building performances with and without shear wall using Pushover Analysis</t>
  </si>
  <si>
    <t>Miss. V. V. Nair Dr. D. N. Shinde</t>
  </si>
  <si>
    <t>http://ijates.com/images/short_pdf/1412098193_155.pdf</t>
  </si>
  <si>
    <t xml:space="preserve">Analysis and design of R.C. Deep beam by finite element method </t>
  </si>
  <si>
    <t>Mr. A. A. Kusanale</t>
  </si>
  <si>
    <t>p-ISSN 2349-4395  &amp; e-ISSN 2349-4409</t>
  </si>
  <si>
    <t>https://docs.google.com/viewer?url=http://www.ijeert.org/pdf/v2-i4/21.pdf&amp;embedded=true?iframe=true&amp;width=700&amp;height=450</t>
  </si>
  <si>
    <t>Comparative Study of Experiment study of flexural behavior of RCC beam and fly ash RCC beam</t>
  </si>
  <si>
    <t xml:space="preserve">International Journal of Advancement in Engineering, Technology, Management and Applied Sciences, Vol-1 issue-1 </t>
  </si>
  <si>
    <t>Experimental Study of flexural behavior of fly ash RCC beam</t>
  </si>
  <si>
    <t xml:space="preserve"> International Journal of Advancement in Engineering, Technology, Management and Applied Sciences IJAETMAS</t>
  </si>
  <si>
    <t>ISSN 2319-8753</t>
  </si>
  <si>
    <t>e-ISSN: 2395-0056</t>
  </si>
  <si>
    <t>IJRASET</t>
  </si>
  <si>
    <t>ISSN: 2321-9653</t>
  </si>
  <si>
    <t>ISSN 2319-8354</t>
  </si>
  <si>
    <t>https://www.ijraset.com/fileserve.php?FID=9076</t>
  </si>
  <si>
    <t>https://www.ijraset.com/fileserve.php?FID=9056</t>
  </si>
  <si>
    <t>https://www.onlinejournal.in/IJIRV3I8/061.pdf</t>
  </si>
  <si>
    <t>https://www.onlinejournal.in/IJIRV3I8/062.pdf</t>
  </si>
  <si>
    <t>https://www.onlinejournal.in/IJIRV3I8/103.pdf</t>
  </si>
  <si>
    <t>https://www.onlinejournal.in/IJIRV3I8/101.pdf</t>
  </si>
  <si>
    <t>https://www.irjet.net/volume5-issue3</t>
  </si>
  <si>
    <t>https://docs.google.com/viewerng/viewer?url=http://www.ijirt.org/master/publishedpaper/IJIRT145166_PAPER.pdf</t>
  </si>
  <si>
    <t>http://www.ijarse.com/images/fullpdf/1513918911_P233ijarse.pdf</t>
  </si>
  <si>
    <t>https://www.irjet.net/archives/V4/i12/IRJET-V4I12119.pdf</t>
  </si>
  <si>
    <t>https://www.irjet.net/archives/V5/i6/IRJET-V5I695.pdf</t>
  </si>
  <si>
    <t>https://www.irjet.net/archives/V5/i3/IRJET-V5I3645.pdf</t>
  </si>
  <si>
    <t>Mr. Kakamare M.S.</t>
  </si>
  <si>
    <t>(2017-18)</t>
  </si>
  <si>
    <t>ISSN: 2321-9653; IC Value: 45.98; SJ Impact Factor: 6.887</t>
  </si>
  <si>
    <t xml:space="preserve">Research Paper on earthquake and wind analysis of braced tube structure with different plans in configuration. </t>
  </si>
  <si>
    <t xml:space="preserve">Seismic analysis of tubular telecommunication tower with bracing systems. </t>
  </si>
  <si>
    <t>ISSN: 2454-1362</t>
  </si>
  <si>
    <t xml:space="preserve">Wind analysis of tubular telecommunication tower with bracing systems. </t>
  </si>
  <si>
    <t>Seismic Analysis of Step back-Set back building on Sloping ground with Bracing systems.</t>
  </si>
  <si>
    <t>Mr. N. P. Phadatare, Mr. M.B. Pendhari</t>
  </si>
  <si>
    <t xml:space="preserve"> Impirical journal of interdisciplinary researchVol.3 Issue 8, </t>
  </si>
  <si>
    <t>Seismic Analysis of Step back-Set back building on Sloping ground with Shear Wall.</t>
  </si>
  <si>
    <t xml:space="preserve">Impirical journal of interdisciplinary research. Vol.3 Issue 8, </t>
  </si>
  <si>
    <t>Mr. M.V. Nagendra</t>
  </si>
  <si>
    <t xml:space="preserve">International Research Journal of Engineering and Technology (IRJET) Vol: 05, Issue: 03, </t>
  </si>
  <si>
    <t>Asymmetrical Buildings Subjected To Seismic Forces: Torsional Behaviour</t>
  </si>
  <si>
    <t>Mr.A. A. Kusanale, Mr. S. A. Patil, Mr. N. S. Patil and Mr. S. P. Patil.</t>
  </si>
  <si>
    <t>ISSN 2349-6002</t>
  </si>
  <si>
    <t>Mr.A.V. Renavikar, Mr.N. S.Patil   and Mr.A A. Kusanale.</t>
  </si>
  <si>
    <t>Use of recycled concrete aggregates.</t>
  </si>
  <si>
    <t>Mrs. Y.M. Pudale.  Miss. V.V. Nair.and  Miss. S.M. Patil</t>
  </si>
  <si>
    <t>ISSN: 2319-8354</t>
  </si>
  <si>
    <t>Earthquake resistant provision in structure.</t>
  </si>
  <si>
    <t>Mr.Patil N.S., Mr. A.V. Renavikar.</t>
  </si>
  <si>
    <t>A comparative study of seismic Behavior of flat slab structure and conventional framed structure.</t>
  </si>
  <si>
    <t>A. K. Salunkhe and S.B. Mohite</t>
  </si>
  <si>
    <t>Dec. 2017</t>
  </si>
  <si>
    <t>Static analysis of cylindrical shell</t>
  </si>
  <si>
    <t>Mrs. A.D.Patil and Miss. M.M. Jadhav</t>
  </si>
  <si>
    <t xml:space="preserve">International Research Journal of Engineering and Technology (IRJET) Volume: 04 Issue: 12 </t>
  </si>
  <si>
    <t>A review on Flexural Behaviour of RC beam with Partial Replacement of course aggregate by coconut shell</t>
  </si>
  <si>
    <t xml:space="preserve">International Research Journal of Engineering and Technology (IRJET) </t>
  </si>
  <si>
    <t>Mar.2018</t>
  </si>
  <si>
    <t>e-ISSN 2395-0056</t>
  </si>
  <si>
    <t xml:space="preserve"> A Review on Experimental analysis of deep beam by using BFRP and Bamboo as reinforcement</t>
  </si>
  <si>
    <t xml:space="preserve">Viraj B.Savakhande </t>
  </si>
  <si>
    <t>Electrical</t>
  </si>
  <si>
    <t>2319-8354</t>
  </si>
  <si>
    <t>http://data.conferenceworld.in/NMCOE18/42.pdf</t>
  </si>
  <si>
    <t>Implementation of SMC for BLDC Motor Drive</t>
  </si>
  <si>
    <t>Sanjay M Patil,Swapnil Y Gadgune</t>
  </si>
  <si>
    <t>International research jounal of Engineering and Technology (IRJET)</t>
  </si>
  <si>
    <t>2395-0056</t>
  </si>
  <si>
    <t>www.irjet.net/archives/V3/i6/IRJET-V3I6203.pdf</t>
  </si>
  <si>
    <t>Modelling and control of  Switched reluctance motor for Hybrid Electric Vehicle</t>
  </si>
  <si>
    <t>Rahul D Patil</t>
  </si>
  <si>
    <t>International Journal of Advanced Electrical and Electronics Engineering </t>
  </si>
  <si>
    <t>2278-8948</t>
  </si>
  <si>
    <t>www.irdindia.in/journal_ijaeee/pdf/vol4_iss2/8.pdf</t>
  </si>
  <si>
    <t>Implementation of PAPR Reduction Techniques with Hybrid SLM-PTS Schemes for OFDM Systems</t>
  </si>
  <si>
    <t>R. D. Patil</t>
  </si>
  <si>
    <t>Electronics Engineering</t>
  </si>
  <si>
    <t>IJEECS</t>
  </si>
  <si>
    <t>ISSN 2348-117X</t>
  </si>
  <si>
    <t>http://academicscience.co.in/admin/resources/project/paper/f201708191503160279.pdf</t>
  </si>
  <si>
    <t>Highly Computational Efficient PAPR Reduction Technique by Shifting Null Subcarriers within the Data Subcarriers for Transmission in an OFDM System</t>
  </si>
  <si>
    <t>http://academicscience.co.in/admin/resources/project/paper/f201708191503160234.pdf</t>
  </si>
  <si>
    <t>Palm vein Recognition using Local Tetra Pattern</t>
  </si>
  <si>
    <t>IJEEE</t>
  </si>
  <si>
    <t>ISSN 2321-2055</t>
  </si>
  <si>
    <t xml:space="preserve">http://www.arresearchpublication.com/images/shortpdf/1490708845_GS196ijeee.pdf </t>
  </si>
  <si>
    <t>Tuning of PID Controller for Temperature Loop</t>
  </si>
  <si>
    <t>A. B. Shinde</t>
  </si>
  <si>
    <t>IJIRSET</t>
  </si>
  <si>
    <t>ISSN</t>
  </si>
  <si>
    <t xml:space="preserve">https://www.ijirset.com/upload/2018/may/66_Tuning.pdf  </t>
  </si>
  <si>
    <t>Online pH Measurement and Control</t>
  </si>
  <si>
    <t>IJESM</t>
  </si>
  <si>
    <t>ISSN: 2320-0294</t>
  </si>
  <si>
    <t xml:space="preserve">https://www.ijesm.co.in/uploads/68/3705_pdf.pdf </t>
  </si>
  <si>
    <t>Remote Video Monitoring System Using Raspberry Pi 3 and GPRS Module</t>
  </si>
  <si>
    <t>Mrs. S.N.kale</t>
  </si>
  <si>
    <t>Dept of Electronics Engg</t>
  </si>
  <si>
    <t xml:space="preserve">IJRITCC Journal, Volume 5:172-176, Issue 10, , Scientific Journal Impact Factor: 5.837 </t>
  </si>
  <si>
    <t>ISSN: 2321-8169</t>
  </si>
  <si>
    <t xml:space="preserve">www.ijritcc.org/download/browse/Volume_5.../1510148447_08-11-2017.pdf </t>
  </si>
  <si>
    <t>Packet Recovery in Wi-Fi(802.11) Networks</t>
  </si>
  <si>
    <t>Mr. R. S. Anande</t>
  </si>
  <si>
    <t>IJAREEIE</t>
  </si>
  <si>
    <t>ISSN:2320-3765</t>
  </si>
  <si>
    <t>http://www.ijareeie.com/upload/2017/november/17_Final%20Manuscript%20E61111616-Packet%20recovery%20in%20Wi-Fi_802.11_%20Networks.pdf</t>
  </si>
  <si>
    <t>IoT Based Smart Police Station</t>
  </si>
  <si>
    <t xml:space="preserve"> K. P. Paradeshi</t>
  </si>
  <si>
    <t>IJEECSE</t>
  </si>
  <si>
    <t>2017-18</t>
  </si>
  <si>
    <t xml:space="preserve">E-ISSN : 2348-2273 | P-ISSN : 2454-1222 </t>
  </si>
  <si>
    <t xml:space="preserve">https://www.ijeecse.com/V5N2-029.pdf </t>
  </si>
  <si>
    <t xml:space="preserve"> K.P.Paradeshi</t>
  </si>
  <si>
    <t>ISSN: 2321-9653; IC Value: 45.98; SJ Impact Factor: 6.887 Volume 6 Issue I, January 2018.</t>
  </si>
  <si>
    <t xml:space="preserve">https://www.ijraset.com/fileserve.php?FID=12720 </t>
  </si>
  <si>
    <t>Ocular Artifacts Suppression from Multichannel EEG Signal Using Adaptive Threshold and Multilevel Decomposed Wavelets with Automatic Independent Components” Scopus Indexed</t>
  </si>
  <si>
    <t>K.P.Paradeshi</t>
  </si>
  <si>
    <t>IJAER</t>
  </si>
  <si>
    <t>ISSN 0973-4562, Volume 12, Number 11 (2017), pp 2887-2892.</t>
  </si>
  <si>
    <t xml:space="preserve">https://www.ripublication.com/ijaer17/ijaerv12n11_37.pdf  </t>
  </si>
  <si>
    <t>IEEE-ICECDS-2017</t>
  </si>
  <si>
    <t xml:space="preserve">https://ieeexplore.ieee.org/document/8390150  </t>
  </si>
  <si>
    <t>IJST</t>
  </si>
  <si>
    <t xml:space="preserve">http://www.indjst.org/index.php/indjst/pages/view/atj </t>
  </si>
  <si>
    <t>High Capacity Video Steganography based on BCH codes in DWT domain</t>
  </si>
  <si>
    <t>K K Pandyaji</t>
  </si>
  <si>
    <t>International Journals of Advanced Research in Science  and Engineering (IJARSE),</t>
  </si>
  <si>
    <t>Sept.-2017.</t>
  </si>
  <si>
    <t>http://www.ijarse.com/images/fullpdf/1505992291_IETEPune832.pdf</t>
  </si>
  <si>
    <t>Sept.-2017</t>
  </si>
  <si>
    <t>ISSN978-93-86171-63-4,</t>
  </si>
  <si>
    <t>Review: Denoising And Compression methods</t>
  </si>
  <si>
    <t>International Journals of Trends in Scientific Research and Development (IJTSRD),</t>
  </si>
  <si>
    <t>ISSN:2456-6470</t>
  </si>
  <si>
    <t xml:space="preserve">http://www.ijtsrd.com/papers/ijtsrd11521.pdf </t>
  </si>
  <si>
    <t xml:space="preserve">A Survey Paper on Different Wireless Sensor Simulation Tools </t>
  </si>
  <si>
    <t>Mr.Patil B.S.</t>
  </si>
  <si>
    <t>IJIRT</t>
  </si>
  <si>
    <t>ISSN:2349-6002</t>
  </si>
  <si>
    <t xml:space="preserve">Review: Wavelet transform based electroencephalogram methods </t>
  </si>
  <si>
    <t>S N PATIL/      N R PATIL</t>
  </si>
  <si>
    <t xml:space="preserve">  IJTSRD</t>
  </si>
  <si>
    <t xml:space="preserve">http://www.ijtsrd.com/engineering/bio-mechanicaland-biomedical-engineering/11542/reviewwavelet-transform-based-electroencephalogram-methods/miss-n-r-patil </t>
  </si>
  <si>
    <t xml:space="preserve">Wavelet transform based Electroencephalogram (EEG) signal enhancement and critique </t>
  </si>
  <si>
    <t>IJRESM</t>
  </si>
  <si>
    <t>ISSN: 2581-5782</t>
  </si>
  <si>
    <t xml:space="preserve">https://www.ijresm.com/Vol1Iss7July18/IJRESM_17_14.pdf </t>
  </si>
  <si>
    <t>Custom Made HIPEC System</t>
  </si>
  <si>
    <t xml:space="preserve">S N PATIL/      </t>
  </si>
  <si>
    <t>,  March-18.</t>
  </si>
  <si>
    <t xml:space="preserve">http://ijirt.org/Article?manuscript=145406 </t>
  </si>
  <si>
    <t>Detection and Reduction of Speckles in Ultrasound Images in Medical Applications</t>
  </si>
  <si>
    <t xml:space="preserve">http://www.ijareeie.com/upload/2017/march/33_Detection.pdf </t>
  </si>
  <si>
    <t>Accelerometer Based 3D Virtual Glove for Robot Using ARM</t>
  </si>
  <si>
    <t>JAST</t>
  </si>
  <si>
    <t>http://www.ignited.in/File_upload/18254_80746908.pdf</t>
  </si>
  <si>
    <t>Innovative Method for Iris Melanoma Detection</t>
  </si>
  <si>
    <t xml:space="preserve">https://www.ijraset.com/fileserve.php?FID=5539 </t>
  </si>
  <si>
    <t>Design and Implementation of PID Controller for Single Capacity Tank</t>
  </si>
  <si>
    <t xml:space="preserve">https://www.ijirset.com/upload/2016/november/13_Design.pdf </t>
  </si>
  <si>
    <t>PID Based Temperature Controller</t>
  </si>
  <si>
    <t>IJIREEICE</t>
  </si>
  <si>
    <t>ISSN (Online) 2321 – 2004</t>
  </si>
  <si>
    <t xml:space="preserve">https://www.ijireeice.com/upload/2016/may-16/IJIREEICE%2094.pdf </t>
  </si>
  <si>
    <t>Comparative Study of Different PAPR Reduction Techniques of OFDM</t>
  </si>
  <si>
    <t>http://www.ijareeie.com/upload/2016/june/96_Comparative.pdf</t>
  </si>
  <si>
    <t>Automatic Vehicle Accident Prevention andDetection Using Intelligent System</t>
  </si>
  <si>
    <t>https://www.ijareeie.com/upload/2016/june/upload/2016/june/95_Automatic.pdf</t>
  </si>
  <si>
    <t>Development of novel algorithm by combining Wavelet based Enhanced canny edge Detection and Adaptive Filtering method for Human Emotion           Recognition</t>
  </si>
  <si>
    <t>IJERD</t>
  </si>
  <si>
    <t>2016-17</t>
  </si>
  <si>
    <t>e-ISSN: 2278-067X, p-ISSN: 2278-800X, www.ijerd.com Volume 12, Issue 9 (September 2016), PP.67-72</t>
  </si>
  <si>
    <t xml:space="preserve">https://pdfs.semanticscholar.org/3c1e/695721c80b25d32e62ca26939e68a2c3644b.pdf?_ga=2.127732677.912528268.1542266645-1027079465.1542266645 </t>
  </si>
  <si>
    <t>Detection of Primary User Emulation (PUE) Attack in Cognitive Radio Network</t>
  </si>
  <si>
    <t>IJESC</t>
  </si>
  <si>
    <t>Open Access</t>
  </si>
  <si>
    <t xml:space="preserve">http://ijesc.org/upload/c8cc267b40166f225e4b843d92c7b610.Detection%20of%20Primary%20User%20Emulation%20(PUE)%20Attack%20in%20Cognitive%20Radio%20Network.pdf </t>
  </si>
  <si>
    <t>Automatic Monitoring and Controlling environmental Parameters for Agriculture Application by Using Intel Galileo’</t>
  </si>
  <si>
    <t>IJSRD</t>
  </si>
  <si>
    <t>| Vol. 5, Issue 01, 2017 | ISSN (online): 2321-0613</t>
  </si>
  <si>
    <t xml:space="preserve">http://www.ijsrd.com/articles/IJSRDV5I10918.pdf  </t>
  </si>
  <si>
    <t>IOSR_JEEE</t>
  </si>
  <si>
    <t>e-ISSN: 2278-1676,p-ISSN: 2320-3331, Volume 12, Issue 3 Ver. IV (May – June 2017), PP 30-35</t>
  </si>
  <si>
    <t xml:space="preserve">https://pdfs.semanticscholar.org/7e0f/fccfebc114caa090f7a42308d0f69f4bc665.pdf </t>
  </si>
  <si>
    <t>Development of Effective Algorithm for Removal of EMG Artifacts From EEG Signal’</t>
  </si>
  <si>
    <t>IJNRD</t>
  </si>
  <si>
    <t>2017 IJNRD | Volume 2, Issue 6 June 2017 | ISSN: 2456-4184</t>
  </si>
  <si>
    <t xml:space="preserve">http://www.ijnrd.org/papers/IJNRD1706015.pdf </t>
  </si>
  <si>
    <t xml:space="preserve">Synoptic Study of Abandoned Object Detection </t>
  </si>
  <si>
    <t>International Journal of Engineering and Computing</t>
  </si>
  <si>
    <t xml:space="preserve">Volume 7 – No.03, March  2017 </t>
  </si>
  <si>
    <t>2250 – 1371)</t>
  </si>
  <si>
    <t>http://ijesc.org/upload/393685d826529a191fb1570a5bcf1d4d.Synoptic%20Study%20of%20Abandoned%20Object%20Detection.pdf</t>
  </si>
  <si>
    <t>Imperial Journal of Interdisciplinary Research (IJIR</t>
  </si>
  <si>
    <t>2454-1362</t>
  </si>
  <si>
    <t>https://www.onlinejournal.in/IJIRV3I3/191.pdf</t>
  </si>
  <si>
    <t>Estimation &amp; Correction of Multiple Skew in Image Document</t>
  </si>
  <si>
    <t>Imperial Journal of Interdisciplinary Research (IJIR)</t>
  </si>
  <si>
    <t>Vol.-2, Issue-10, 2016</t>
  </si>
  <si>
    <t>https://www.onlinejournal.in/IJIRV2I10/131.pdf</t>
  </si>
  <si>
    <t>Development of Spatio-Temporal Digital Video Stabilization for Amateur Videos using Global Motion Estimation</t>
  </si>
  <si>
    <t>International Journals of Scientific &amp; Engineering Research (IJSER),</t>
  </si>
  <si>
    <t>Vol.-3, Issue-3</t>
  </si>
  <si>
    <t>2229-5518</t>
  </si>
  <si>
    <t>Comprehensive Study of Video Steganography Algorithms</t>
  </si>
  <si>
    <t>International Journals of Engineering Science and Computing (IJESC),</t>
  </si>
  <si>
    <t>Vol.-7, Issue-4, March-2017</t>
  </si>
  <si>
    <t>ISSN:2321-3361,</t>
  </si>
  <si>
    <t>http://ijesc.org/upload/b285129268c8b27326f51e09ac481aa8.Comprehensive%20Study%20of%20Video%20Stegnography%20Algorithms.pdf</t>
  </si>
  <si>
    <t>Data Hiding Technique in Video Steganography using BCH codes in DWT domain</t>
  </si>
  <si>
    <t>International Journals of Scientific Research and Development (IJSRD</t>
  </si>
  <si>
    <t>2321-0613,</t>
  </si>
  <si>
    <t>http://www.ijsrd.com/articles/IJSRDV5I41249.pdf</t>
  </si>
  <si>
    <t>Brain Tumor Segmentation in MRI Image Using Hybrid Technique</t>
  </si>
  <si>
    <t>ISSN:2250-1371</t>
  </si>
  <si>
    <t xml:space="preserve">http://ijesc.org/upload/6f5fc1a44fcac105bc6b390d436de772.Brain%20Tumor%20Segmentation%20in%20MRI%20Image%20using%20Hybrid%20Technique.pdf </t>
  </si>
  <si>
    <t>June 2017</t>
  </si>
  <si>
    <t>ISSN: 2250-1371</t>
  </si>
  <si>
    <t>Automatic Blood Group Classification based on SVM</t>
  </si>
  <si>
    <t xml:space="preserve"> ISSN:2321-0613</t>
  </si>
  <si>
    <t xml:space="preserve">Effective Method for Enhancement and Analysis of Doppler Echocardiography Images </t>
  </si>
  <si>
    <t>Osteoporosis Detection by using CT  Images Based on  Gray Level  Co-Occurrence Matrix and Rule based Approach</t>
  </si>
  <si>
    <t xml:space="preserve">S N PATIL/   DEOKAR MAYA   </t>
  </si>
  <si>
    <t>ISSN-2349-6002</t>
  </si>
  <si>
    <t xml:space="preserve"> ISSN:2349-6002</t>
  </si>
  <si>
    <t>High Performance Algorithm for Enhancement of Echocardiography Images using Adaptive Histogram Equalization</t>
  </si>
  <si>
    <t>Mar 2017.</t>
  </si>
  <si>
    <t>ISSN-2250-1371</t>
  </si>
  <si>
    <t>3-D Discrète Shearlet Transform Based MRI, CT and PET Image Fusion: A Review</t>
  </si>
  <si>
    <t>IJCST</t>
  </si>
  <si>
    <t xml:space="preserve">Jan-Feb 2017. </t>
  </si>
  <si>
    <t>ISSN: 2347-8578 &amp; ISO 3297:2007</t>
  </si>
  <si>
    <t>A Review on Osteoporosis Detection by using CT  Images Based on  Gray Level  Co-Occurrence Matrix and Rule based Approach</t>
  </si>
  <si>
    <t>ISSN-2259-1371</t>
  </si>
  <si>
    <t>March 2017</t>
  </si>
  <si>
    <t xml:space="preserve"> ISSN:2250-1371</t>
  </si>
  <si>
    <t>Brain Tumor MRI Image Segmentation in MRI Images using Hybrid Techniques</t>
  </si>
  <si>
    <t>ISSN : 2250-1371</t>
  </si>
  <si>
    <t>Artificial Neural Network-Based Classification System For Lung Nodules  on Computed  Tomography Scans</t>
  </si>
  <si>
    <t xml:space="preserve"> Osteoporosis Detection by using CT  Images Based on  Gray Level  Co-Occurrence Matrix and Rule based Approach</t>
  </si>
  <si>
    <t>ISSN-2321-0613</t>
  </si>
  <si>
    <t>Survey on Effective &amp; High Performance Optimized Techniques For Analysis Of Echocardiography Images</t>
  </si>
  <si>
    <t xml:space="preserve">S N PATIL/  </t>
  </si>
  <si>
    <t>ISSN: 2395-0072</t>
  </si>
  <si>
    <t>Hybrid technique based on Fuzzy-C-Means and SVM for detection of brain tumour in MRI images</t>
  </si>
  <si>
    <t xml:space="preserve">August 2016. </t>
  </si>
  <si>
    <t xml:space="preserve"> Design of Algorithm for the Epileptic Seizure Classification Using Time frequency Analysis </t>
  </si>
  <si>
    <t>Sept. 2016.</t>
  </si>
  <si>
    <t>Brain Tumor MRI Image Segmentation Using FCM and SVM Techniques</t>
  </si>
  <si>
    <t>A Survey on Various Wavelet Domain Methods For Satellite Image Enhancement</t>
  </si>
  <si>
    <t>Implementation of Different Hybrid LM-PTS Scheme for PAPR Reduction in OFDM System</t>
  </si>
  <si>
    <t>IJARSE</t>
  </si>
  <si>
    <t>http://www.ijarse.com/images/fullpdf/1464515094_214ijarse.pdf</t>
  </si>
  <si>
    <t>Novel Approach of Diagnosis of Brain Diseases by Using Mixed Scheme on MRI and CT Images</t>
  </si>
  <si>
    <t>IJRITCC</t>
  </si>
  <si>
    <t>http://www.ijritcc.org/download/browse/Volume_3_Issues/October_15_Volume_3_Issue_10/1446615520_03-11-2015.pdf</t>
  </si>
  <si>
    <t>Design and Implementation of Wireless Sensor Node using Programmable System on Chip</t>
  </si>
  <si>
    <t>http://www.ijirt.org/master/publishedpaper/IJIRT142571_PAPER.pdf</t>
  </si>
  <si>
    <t>Designing Multi Sensor Embedded System using Programmable System on Chip(PSoC)</t>
  </si>
  <si>
    <t>IJCAR</t>
  </si>
  <si>
    <t>ISSN 2319-6475</t>
  </si>
  <si>
    <t>https://journalijcar.org/sites/default/files/issue-files/0172.pdf</t>
  </si>
  <si>
    <t>Remote Video Monitoring System using S3C2440 and GPRS</t>
  </si>
  <si>
    <t>ISSN 2395-0056</t>
  </si>
  <si>
    <t>https://www.irjet.net/archives/V2/i3/Irjet-v2i342.pdf</t>
  </si>
  <si>
    <t>Control Valve Coefficient Testing</t>
  </si>
  <si>
    <t>ISSN: 2349-6002</t>
  </si>
  <si>
    <t xml:space="preserve">http://ijirt.org/master/publishedpaper/IJIRT142804_PAPER.pdf  </t>
  </si>
  <si>
    <t>OTSU Thresholding Method For Flower Image Segmentation</t>
  </si>
  <si>
    <t>Prof J A Shaikh</t>
  </si>
  <si>
    <t>IJCER</t>
  </si>
  <si>
    <t>ISSN 2250 –3005</t>
  </si>
  <si>
    <t xml:space="preserve">http://www.ijceronline.com/papers/Vol6_issue5/A0650106.pdf </t>
  </si>
  <si>
    <t>Implementation of Fingerprint Matching Algorith</t>
  </si>
  <si>
    <t>IJET-</t>
  </si>
  <si>
    <t>Mar-April-2016</t>
  </si>
  <si>
    <t>ISSN:2395-1303</t>
  </si>
  <si>
    <t xml:space="preserve">http://oaji.net/articles/2017/1992-1514447684.pdf </t>
  </si>
  <si>
    <t>Multicast Opportunistic Routing Protocol ‘TOMR’  based on Trust and Link Quality Matrix for Wireless Networks</t>
  </si>
  <si>
    <t>IJCSIT,</t>
  </si>
  <si>
    <t>2015,</t>
  </si>
  <si>
    <t>ISSN:0975-9646,</t>
  </si>
  <si>
    <t xml:space="preserve">http://www.ijcsit.com/docs/Volume%206/vol6issue05/ijcsit20150605121.pdf </t>
  </si>
  <si>
    <t>Overview of Various Opportunistic Routing Protocols</t>
  </si>
  <si>
    <t>IPASJ of IIJEC</t>
  </si>
  <si>
    <t>December-2015,</t>
  </si>
  <si>
    <t>ISSN:2321-5984,</t>
  </si>
  <si>
    <t xml:space="preserve">http://ipasj.org/IIJEC/Volume3Issue12/IIJEC-2015-12-17-4.pdf </t>
  </si>
  <si>
    <t>Segmentation and feature extraction of flowers intended for Image Retrieval</t>
  </si>
  <si>
    <t>in IJARECE</t>
  </si>
  <si>
    <t>: A Survey”, Volume 5 Issue 1., January-2016,</t>
  </si>
  <si>
    <t>ISSN:2278-909X</t>
  </si>
  <si>
    <t xml:space="preserve">https://pdfs.semanticscholar.org/23dd/88b909182a8a69848e5476c3d76e014fb97d.pdf </t>
  </si>
  <si>
    <t>Video monitoring system using S3C2440 and GPRS</t>
  </si>
  <si>
    <t>e-ISSN no. 2395-0056</t>
  </si>
  <si>
    <t xml:space="preserve">https://www.irjet.net/archives/V2/i3/Irjet-v2i342.pdf   </t>
  </si>
  <si>
    <t>Real Time Number Plate Recognition for Indian Vehicles (RTNPR)</t>
  </si>
  <si>
    <t>http://www.ijirt.org/Article?manuscript=101739</t>
  </si>
  <si>
    <t>Empirical Evaluation of Economical Automated Car Safety and Control System</t>
  </si>
  <si>
    <t>IJARCSSE</t>
  </si>
  <si>
    <t>ISSN: 2277 128X</t>
  </si>
  <si>
    <t>http://ijarcsse.com/Before_August_2017/docs/papers/Volume_5/7_July2015/V5I6-0599.pdf</t>
  </si>
  <si>
    <t>Face and picture face detection recognition technique</t>
  </si>
  <si>
    <t>IJESIRD</t>
  </si>
  <si>
    <t>2015-16</t>
  </si>
  <si>
    <t>ISSN (Online) : 2277-5420</t>
  </si>
  <si>
    <t xml:space="preserve">http://ijcsn.org/IJCSN-2016/5-2/Recognition-of-Real-or-Picture-Face-Using-Skin-Colour-Detection-and-Depth-Map-Information.pdf  </t>
  </si>
  <si>
    <t>Review on Latest Multichannel EEG Acquisition and Artifact Filtering Methods</t>
  </si>
  <si>
    <t>IJCA</t>
  </si>
  <si>
    <t xml:space="preserve">https://pdfs.semanticscholar.org/e6ab/22c4fb861e2427617ecca90e33ceee9deaba.pdf </t>
  </si>
  <si>
    <t>Skin color information and Haar feature based Face Detection</t>
  </si>
  <si>
    <t>IJERA</t>
  </si>
  <si>
    <t>ISSN: 2248-9622, Vol. 6, Issue 2, (Part -4) February 2016, pp.72-75</t>
  </si>
  <si>
    <t xml:space="preserve">https://pdfs.semanticscholar.org/ab75/a58e8fba2c88e6ab03dc98f7aef4a2918a74.pdf </t>
  </si>
  <si>
    <t>Review on Removal of Ocular Artifact from Multichannel EEG Signal</t>
  </si>
  <si>
    <t>IJMER</t>
  </si>
  <si>
    <t xml:space="preserve">http://www.ijmer.com/papers/Vol6_Issue3/Verson-3/H6335153.pdf  </t>
  </si>
  <si>
    <t>Recognition of Real or Picture Face Using Skin Color Detection and Depth Map Information</t>
  </si>
  <si>
    <t>IJCSN</t>
  </si>
  <si>
    <t xml:space="preserve">http://ijcsn.org/IJCSN-2016/5-2/Recognition-of-Real-or-Picture-Face-Using-Skin-Colour-Detection-and-Depth-Map-Information.pdf </t>
  </si>
  <si>
    <t>ATM Transaction Without Debit Card</t>
  </si>
  <si>
    <t>Dr. D. B. Kadam</t>
  </si>
  <si>
    <t>E &amp; Tc</t>
  </si>
  <si>
    <t xml:space="preserve">International Journal of  Scientific Development and  Research, Vol. No. 3, Issue No.4 , </t>
  </si>
  <si>
    <t>ISSN 2455-2631</t>
  </si>
  <si>
    <t>Human Activity Recognition with Smart Shoes using Advanced Embedded Technology</t>
  </si>
  <si>
    <t>International Journal of  Scientific Research and Development, Vol. No. 6, Issue No.02,</t>
  </si>
  <si>
    <t>ISSN 2321-0613</t>
  </si>
  <si>
    <t xml:space="preserve">IoT for Smart Building </t>
  </si>
  <si>
    <t>Dr. M. S. Chavan</t>
  </si>
  <si>
    <t xml:space="preserve">International Journal on Recent and  Innovation Trends in Computing and Communication Engineering, Vol. No. 6, Issue No. 1, </t>
  </si>
  <si>
    <t>ISSN 2321-8169</t>
  </si>
  <si>
    <t>Importance of the Research, Selection of Project Idea and Enhancement of Employability of Polytechnic Students</t>
  </si>
  <si>
    <t xml:space="preserve">International Journal forResearch in Applied Science and Engineering Technology, Vol. No. 6, Issue No. ii, </t>
  </si>
  <si>
    <t>ISSN 2321-9653</t>
  </si>
  <si>
    <t>Design and Implementation of IoT Based Real Time Monitoring System for Aquaculture using Raspberry Pi</t>
  </si>
  <si>
    <t>S Shape Microstrip Patch Antenna</t>
  </si>
  <si>
    <t xml:space="preserve">International Journal of  Innovation Research in Computer and Communication Engineering, Vol. No. 6, Issue No. 03, </t>
  </si>
  <si>
    <t>ISSN 2320-9798</t>
  </si>
  <si>
    <t>Smart Home using Android Mobile via Bluetooth</t>
  </si>
  <si>
    <t xml:space="preserve">International Journal of  Innovation Research in  Technology, Vol. No. 4, Issue No. 11 , </t>
  </si>
  <si>
    <t>Bus Smart Card Ticket System</t>
  </si>
  <si>
    <t xml:space="preserve">International Journal of  Innovation Research in  Technology, Vol. No. 4, Issue No. 11 </t>
  </si>
  <si>
    <t>Fake Indian Currency Detection using Image Processing</t>
  </si>
  <si>
    <t>Mr. A. G. Patil</t>
  </si>
  <si>
    <t>International Journal of  Innovation Research in Computer and Communication Engineering, Vol. No. 6, Issue No. 03</t>
  </si>
  <si>
    <t>, ISSN 2320-9798</t>
  </si>
  <si>
    <t>Intelligent Bike Ignition System with Helmet</t>
  </si>
  <si>
    <t>, ISSN 2349-6002</t>
  </si>
  <si>
    <t>Transformer Oil Quality Checking using Digital image Processing</t>
  </si>
  <si>
    <t>Web-based Door Access Control and Home Security System Based Face Recognition</t>
  </si>
  <si>
    <t>HBRP Publication, Vol-01, Issue-01</t>
  </si>
  <si>
    <t>-</t>
  </si>
  <si>
    <t>Robust Digital Watermarking for Colored Image Using SVD and DWT Technique</t>
  </si>
  <si>
    <t>Mr. S. V. Phakade</t>
  </si>
  <si>
    <t xml:space="preserve">International Journal of Engineering, Science and Computing, Vol. No. 8, Issue No. 06, </t>
  </si>
  <si>
    <t>ISSN 2250-1371</t>
  </si>
  <si>
    <t>Design and Implementation of Digital Cart using Barcode Scanner and Arduino</t>
  </si>
  <si>
    <t>Mrs. S. S. Sankpal</t>
  </si>
  <si>
    <t>International Journal of  Innovation Research in Computer and Communication Engineering, Vol. No. 6, Issue No. 03,</t>
  </si>
  <si>
    <t>Recognition of Diseases of Infected Apple Fruits using Image Processing</t>
  </si>
  <si>
    <t>International Journal of  Scientific Development and Research, Vol. No. 3, Issue No.4,</t>
  </si>
  <si>
    <t xml:space="preserve"> April 2018</t>
  </si>
  <si>
    <t>Razlika Weighting Machine</t>
  </si>
  <si>
    <t>Automatic PUC Detection System</t>
  </si>
  <si>
    <t>Mr. B. P. Kulkarni</t>
  </si>
  <si>
    <t xml:space="preserve">Loon Automation and Monitoring System </t>
  </si>
  <si>
    <t>Voice Controlled Artificial Intelligence Included Wheel Chair/Drone</t>
  </si>
  <si>
    <t>Advanced Hospital Reception System</t>
  </si>
  <si>
    <t>Mr. D. O. Shirsath</t>
  </si>
  <si>
    <t>International Journal of  Scientific Engineering and Applied Science, Vol.  4, Issue 03,</t>
  </si>
  <si>
    <t xml:space="preserve"> March 2018</t>
  </si>
  <si>
    <t>ISSN 2395-3470</t>
  </si>
  <si>
    <t>Effective Utilization of Solar Energy to Overcome Power Crisis</t>
  </si>
  <si>
    <t>International Journal of  Scientific Research and Development, Vol. No. 6, Issue No.2,</t>
  </si>
  <si>
    <t>An Arduino Based Indoor and Outdoor Positioning System</t>
  </si>
  <si>
    <t>International Journal of  Scientific Engineering and Applied Science, Vol. No. 4, Issue No.03,</t>
  </si>
  <si>
    <t>English to Braille Language Converter using Arduino</t>
  </si>
  <si>
    <t>Solar Powered Autonomous Grass Cutting Robot</t>
  </si>
  <si>
    <t>Ms. R. P. Onkare</t>
  </si>
  <si>
    <t>IoT Based Smart Home</t>
  </si>
  <si>
    <t>Automatic Toll Collection using RFID</t>
  </si>
  <si>
    <t>A Review on Architecture of Internet of Things (IoT)</t>
  </si>
  <si>
    <t xml:space="preserve">International Journal of  Innovation Research in  Technology, Vol. No. 4, Issue No.7 , </t>
  </si>
  <si>
    <t>Ms. P. B. Shinde</t>
  </si>
  <si>
    <t>Patient Healthcare &amp; Ambulance Monitoring System using Controller &amp; Wireless Technology</t>
  </si>
  <si>
    <t xml:space="preserve">International Journal of  Innovation Research in Electrical,Electronics, Instrumentation and Control Engineering Vol. 4, Issue 9 , </t>
  </si>
  <si>
    <t>ISSN 2321-2004</t>
  </si>
  <si>
    <t>Secure Remote Authentication Using Biometric Data</t>
  </si>
  <si>
    <t>Gas Booking System with VB Software, Microcontroller and Gas Leakage Detection with SMS</t>
  </si>
  <si>
    <t>ISSN 2349-784X</t>
  </si>
  <si>
    <t>Attendance System Using Fingerprint Identification with Website Designing and GUI</t>
  </si>
  <si>
    <t>ISSN 2395-0072</t>
  </si>
  <si>
    <t xml:space="preserve">Frequency Dependant Noise Flooring Parameter (FDNFP) for Speech Enhancement Using Linear Prediction </t>
  </si>
  <si>
    <t>Image Processing Based Traffic Roadway Monitoring and Control System</t>
  </si>
  <si>
    <t xml:space="preserve">International Journal of  Innovation Studies in Science and Engineering Technology Vol. 3, Issue 4, </t>
  </si>
  <si>
    <t>ISSN 2455-4863</t>
  </si>
  <si>
    <t>DCT based Performance Enhancement of Adaptive Filter for Audio Signals</t>
  </si>
  <si>
    <t xml:space="preserve">International Journal of  Innovation Research in Electrical,Electronics, Instrumentation and Control Engineering Vol. 5, Issue 9 , </t>
  </si>
  <si>
    <t>ISSN 2320-3765</t>
  </si>
  <si>
    <t>Design &amp; Development of Power Monitoring and Controlling System using Wireless Zigbee Network</t>
  </si>
  <si>
    <t xml:space="preserve">International Journal of  Innovation Research in Science, Engineering &amp; Technology. Vol. 5, Issue 10 , </t>
  </si>
  <si>
    <t>ISSN 2347-6710</t>
  </si>
  <si>
    <t>Analysis of Communicative Competence of Polytechnic Students in Sangli District Maharashtra.</t>
  </si>
  <si>
    <t>Golden Research Thoughts</t>
  </si>
  <si>
    <t>ARM Controller Based Restaurant Automation System using Zigbee Technology</t>
  </si>
  <si>
    <t xml:space="preserve">International Journal of  Electrical,  Electronic and Instrumentation Engineering  Vol. 6, Issue 2 , </t>
  </si>
  <si>
    <t>Automated Wire Length Measurement and Cutting System</t>
  </si>
  <si>
    <t>Associated Asia Research Foundation (AARF) Publication, , Vol. 5, Issue 3,</t>
  </si>
  <si>
    <t>March 2017.</t>
  </si>
  <si>
    <t>ISSN(O): 2321-1717, ISSN(P): 2394-420X</t>
  </si>
  <si>
    <t xml:space="preserve">Self Learning needs for 21 Century Engineers </t>
  </si>
  <si>
    <t>PARIPEX - Indian Journal of Research, , IC Value: 79.96, Volume: 6, Issue: 3</t>
  </si>
  <si>
    <t>March-2017.</t>
  </si>
  <si>
    <t>ISSN-2250-1991</t>
  </si>
  <si>
    <t>Microcontroller based Automated AttendanceSystem forEmployees using Zigbee Module</t>
  </si>
  <si>
    <t xml:space="preserve">International Journal of Emerging Trends &amp; Technology in Computer Science (IJETTCS),Volume 6, Issue 2, </t>
  </si>
  <si>
    <t>March- April 2017.</t>
  </si>
  <si>
    <t>ISSN 2278-6856,</t>
  </si>
  <si>
    <t>Web Controlled Notice Board using Raspberry Pi</t>
  </si>
  <si>
    <t xml:space="preserve">International Journal of Research in AdvanceTechnology,Vol.5, No.4, </t>
  </si>
  <si>
    <t>April 2017.</t>
  </si>
  <si>
    <t>ISSN: 2321-9637</t>
  </si>
  <si>
    <t xml:space="preserve">Intelligent Weather Monitoring and CropDisease Controlsystem </t>
  </si>
  <si>
    <t>International Journal of Innovative Research in Science,Engineering and Technology, Vol. 6, Issue 4</t>
  </si>
  <si>
    <t>ISSN(Online) : 2319-8753,</t>
  </si>
  <si>
    <t>Design and Implementation of Low Cost Segway the Human Transporter</t>
  </si>
  <si>
    <t xml:space="preserve">International Journal for Research in Applied Science &amp; Engineering Technology (IJRASET), Volume 5 Issue IV, </t>
  </si>
  <si>
    <t>ISSN: 2321-9653,</t>
  </si>
  <si>
    <t>SOLAR POWERED AUTO IRRIGATION SYSTEM</t>
  </si>
  <si>
    <t xml:space="preserve">International Journal of Recent Innovation in Engineering and Research e-, Volume: 02 Issue: 04 </t>
  </si>
  <si>
    <t>April– 2017</t>
  </si>
  <si>
    <t>ISSN: 2456 – 2084</t>
  </si>
  <si>
    <t>Automated Indian Coin Recognition with Rotation Invariance Using Image Subtraction Technique</t>
  </si>
  <si>
    <t xml:space="preserve">International Journal of  Electrical and Electronic Engineers  Vol. No. 8, Issue No. 02 , </t>
  </si>
  <si>
    <t>Analysis and diagnosis of polycoherence based ECG signal for non-linearity detection</t>
  </si>
  <si>
    <t>March-April 2017</t>
  </si>
  <si>
    <t>ISSN 2395-1303</t>
  </si>
  <si>
    <t>A Generative Probabilistic Model and Discriminative Extension for Brain Lesion Segmentation</t>
  </si>
  <si>
    <t>A Multistage Approach to Improve Performance of Computer Aided Detection of Pulmonary Embolisms Depicted on CT Images</t>
  </si>
  <si>
    <t>ISSN 2456-2165</t>
  </si>
  <si>
    <t>Detection and Analysis of Exudates in Diabetic Retinopathy using SVM Classifier</t>
  </si>
  <si>
    <t>Analysis and Identification Images of Handwritten Digits and Characters Using Linear Vector Quantisation Artificial Neural Network</t>
  </si>
  <si>
    <t xml:space="preserve">International Journal of  Electrical and Electronic Engineers  Vol.  8, Issue No. 02 , </t>
  </si>
  <si>
    <t>Review on Soil Classification Methods</t>
  </si>
  <si>
    <t xml:space="preserve">International Journal of  Advanced Research in Electrical,Electronics and Instrumentation Engineers  Vol. 5, Issue No. 11 , </t>
  </si>
  <si>
    <t>ISSN 2278-8875</t>
  </si>
  <si>
    <t>A review on image enhancement and color correction techniques for underwater images</t>
  </si>
  <si>
    <t>Advances in Computational Sciences and Technology Volume 9, Number 1 pp.11-23</t>
  </si>
  <si>
    <t>ISSN 0973-6107</t>
  </si>
  <si>
    <t>International Journal of Advanced and Innovative Research  / # 76 / Volume 6 issue 3</t>
  </si>
  <si>
    <t>ISSN 2278-7844</t>
  </si>
  <si>
    <t>Automated water usage monitoring system in building</t>
  </si>
  <si>
    <t>International Journal of Advanced and Innovative Research  / # 155 / Vol 6 issue 3</t>
  </si>
  <si>
    <t>Floor Cleaning Robot</t>
  </si>
  <si>
    <t>Grass Cutter using Solar Energy for Street Divider</t>
  </si>
  <si>
    <t>International Journal of Advanced and Innovative Research  / # 89 / Volume 6 issue 3</t>
  </si>
  <si>
    <t>Smart Shoes System for Women Safety</t>
  </si>
  <si>
    <t>International Journal of Advanced and Innovative Research  / # 143 / Vol 6 issue 3</t>
  </si>
  <si>
    <t>Underwater Image Classification</t>
  </si>
  <si>
    <t>Sclera Identification using Contourlet Transform</t>
  </si>
  <si>
    <t>ISSN 2455-1457</t>
  </si>
  <si>
    <t>Automation of Hydroponic System</t>
  </si>
  <si>
    <t>IOT Based Home Automation using Rasberry PI</t>
  </si>
  <si>
    <t xml:space="preserve">International Journal of  Electrical and Electronic Engineers  Vol. No. 8, Issue No. 02 </t>
  </si>
  <si>
    <t>Arduino Nano Based Automatic Forklift Robot</t>
  </si>
  <si>
    <t>International Journal of  Advanced  Research in Electrical,Electronics, and Instrumentation Engineering Vol. 6, Issue 3</t>
  </si>
  <si>
    <t>Advanced Traffic Management System</t>
  </si>
  <si>
    <t xml:space="preserve">International Journal of  Advanced  Research in Electronics and Communication Engineering, Vol. 6, Issue 3 , </t>
  </si>
  <si>
    <t>ISSN 2278-909X</t>
  </si>
  <si>
    <t>Water Distribution System using PLC and SCADA</t>
  </si>
  <si>
    <t xml:space="preserve">International Journal of Innovation Research in Computer  and Communication Engineering,Vol. No. 5, Issue No. 03 </t>
  </si>
  <si>
    <t>ISSN 2349-6185</t>
  </si>
  <si>
    <t xml:space="preserve">A Review on Muffler Design for Exhaust Noise Attenuation </t>
  </si>
  <si>
    <t xml:space="preserve">International Journal of Engineering and Technology (IJET), Vo. 9 No. 3S, </t>
  </si>
  <si>
    <t>ISSN 2319-8613</t>
  </si>
  <si>
    <t>Automatic Defect Detection and Classification of Ceramic Ties</t>
  </si>
  <si>
    <t xml:space="preserve">International Journal of  Advance Research in Science and Engineering Vol. No. 5, Issue No. 01, </t>
  </si>
  <si>
    <t>PAPR Reduction Technique for OFDM System with High Computation Efficiency</t>
  </si>
  <si>
    <t xml:space="preserve">International Journal of   Inventive Research in Technology Vol. 2, Issue 6, </t>
  </si>
  <si>
    <t xml:space="preserve">International Journal of  Advance Research in Science and  Engineering Vol. No. 5, Issue No. 01, </t>
  </si>
  <si>
    <t>Video Compression Using Hybrid DCT-DWT Algorithm</t>
  </si>
  <si>
    <t xml:space="preserve">International  Research Journal of   Engineering  and Technology  Vol. No. 03, Issue No. 05, </t>
  </si>
  <si>
    <t>College Campus Radio</t>
  </si>
  <si>
    <t>Journal of Computing Technology Vol 4, Issue 9</t>
  </si>
  <si>
    <t>Nonuniform Illumination Correction Algorithm for Underwater Images Using Maximum Likelihood Estimation</t>
  </si>
  <si>
    <t xml:space="preserve">Hindwai Publishing Corporation Journal of Engineering Vol 2016 ID 5718297, 9 Pages, </t>
  </si>
  <si>
    <t>ISSN 2314-4904</t>
  </si>
  <si>
    <t>International Journal of  Advance Research in Science and Engineering Vol. No. 5, Issue No. 01</t>
  </si>
  <si>
    <t>, ISSN 2319-8354</t>
  </si>
  <si>
    <t>Review on Vehicle Data Acquisition and Crash Prediction Using ARM7</t>
  </si>
  <si>
    <t xml:space="preserve">International Journal of  Current Trends in  Engineering and Research Vol. 02, Issue 03, </t>
  </si>
  <si>
    <t>ISSN-2455-1392</t>
  </si>
  <si>
    <t>Adaptive Noise Cancelation Using Normalized LMS Algorithm</t>
  </si>
  <si>
    <t xml:space="preserve">International  Journal of  Telecommunication &amp; Emerging Technologies  Vol. No. 03, Issue No. 05, </t>
  </si>
  <si>
    <t>Neural Network Based Lung Cancer Detection and Prediction</t>
  </si>
  <si>
    <t xml:space="preserve">International Journal of  Modern  Engg, Research Vol. 6, Issue 5, </t>
  </si>
  <si>
    <t>ISSN 2249-6645</t>
  </si>
  <si>
    <t>Design and Implementation of Wireless Sensor Node Using Programmable System on Chip 4 (PSOC 4200)</t>
  </si>
  <si>
    <t>Mr. V. P. Patil</t>
  </si>
  <si>
    <t xml:space="preserve">International  Innovative Research Technology  Vol. 2 , Issue 4, </t>
  </si>
  <si>
    <t>Automatic Defect Detection of Steel Products Using Probabilistic Neural Network Classifier and Image Segmentation</t>
  </si>
  <si>
    <t>Mr. S. S. Sawant</t>
  </si>
  <si>
    <t xml:space="preserve">International Journal of   Engineering  Science Invention Research and Development Vol. II, Issue II, </t>
  </si>
  <si>
    <t>Face and Picture Face Detection  Recognition Technique</t>
  </si>
  <si>
    <t>Mr. C. M. Patil</t>
  </si>
  <si>
    <t>Skin Color Information and Haar Feature Based Face Detection</t>
  </si>
  <si>
    <t xml:space="preserve">International Journal of   Engineering  Research and Applications, Vol. 6, Issue 2, </t>
  </si>
  <si>
    <t xml:space="preserve">Recognition of Rea or Picture Face Using Probabilistic Neural Network Classifier and Image Segmentation </t>
  </si>
  <si>
    <t xml:space="preserve">International Journal of   Computer and Network Vol. 5, Issue 2, </t>
  </si>
  <si>
    <t xml:space="preserve">International Journal of    Research in Engineering   and Technology Vol. 05, Issue 03, </t>
  </si>
  <si>
    <t>An Effective and Cost Effective Public Bus Transportation Timetabling Routing &amp; Driver Duty Scheduling Using Matlab</t>
  </si>
  <si>
    <t>Mr. S. D. Patil</t>
  </si>
  <si>
    <t>ISSN 2248-9622</t>
  </si>
  <si>
    <t>ISSN 2277-5420</t>
  </si>
  <si>
    <t>ISSN 2319-1163</t>
  </si>
  <si>
    <t>Intelligent Vehicle Assistance System</t>
  </si>
  <si>
    <t>International Journal of Emerging Technology and Advanced Engineering, Volume -4, Issue - 11</t>
  </si>
  <si>
    <t>ISSN: 2250-2459</t>
  </si>
  <si>
    <t>AVR Microcontroller Based Temperature Control System with Real Time Data Logger</t>
  </si>
  <si>
    <t>International Journal of  Advanced Research in Computer Science and Management Studies., Volume -2, Issue - 11.</t>
  </si>
  <si>
    <t>ISSN: 2321-7782</t>
  </si>
  <si>
    <t>Efficient Principal Component Analysis for Recognition of Human Facial Expression</t>
  </si>
  <si>
    <t>International Journal of  Advanced Research in Computer Science and Management Studies. Volume -3, Issue - 2.</t>
  </si>
  <si>
    <t>ISSN: 2321-7782,</t>
  </si>
  <si>
    <t>English to indian language audio dictionary using speech recognition</t>
  </si>
  <si>
    <t>International Journal of  Advanced scientific and Technical Research Issue 5, volume 3.</t>
  </si>
  <si>
    <t xml:space="preserve">May–june 2015 </t>
  </si>
  <si>
    <t>ISSN 2249-9954,</t>
  </si>
  <si>
    <t>Wireless temp controlling and monitoring system using ARM and XBee</t>
  </si>
  <si>
    <t>International Journal of  Advanced scientific and Technical Research Issue 5, volume 2.</t>
  </si>
  <si>
    <t>March-April 2015</t>
  </si>
  <si>
    <t>Intelligent system for factory operations</t>
  </si>
  <si>
    <t>International Journal of Emerging Trends in engineering and Development Issue 5, volume 3.</t>
  </si>
  <si>
    <t>April-May 2015</t>
  </si>
  <si>
    <t>ISSN 2249-6149,</t>
  </si>
  <si>
    <t>Efficient implementation of auto control system using PIC 16f877a for small scale industries.</t>
  </si>
  <si>
    <t>Photometric Based Sensor for Fat Detection in fresh milk.</t>
  </si>
  <si>
    <t>A Comparative study of different image denoising  method</t>
  </si>
  <si>
    <t>Mr.A.G. Patil</t>
  </si>
  <si>
    <t>INTERNATIONAL JOURNAL OF ENGINEERING AND  TECHNICAL RESEARCH(IJETR) Volume 3,Issue 04</t>
  </si>
  <si>
    <t>Office Chat Using Zigbee</t>
  </si>
  <si>
    <t>International Journal of  AdvancedEngineering&amp;Research Development (IJAERD), Volume -2, Issue - 5.</t>
  </si>
  <si>
    <t xml:space="preserve"> ISSN: 2348-4470</t>
  </si>
  <si>
    <t>Ms.S. S. Sankpal</t>
  </si>
  <si>
    <t>International Journal of Emerging Technology and Advanced Engineering., Volume -4, Issue - 11.</t>
  </si>
  <si>
    <t>International Journal of  Advanced Research in Computer Science and Management Studies. Volume -2, Issue - 11.</t>
  </si>
  <si>
    <t>Eye Monitored Wheel Chair Control for Handicapped</t>
  </si>
  <si>
    <t>International Journal of  Innovative Research in Computer Science and TechnologyVolume -2, Issue -4</t>
  </si>
  <si>
    <t>. ISSN: 2347-5552,</t>
  </si>
  <si>
    <t>Solar Mobile Charger</t>
  </si>
  <si>
    <t>International Journal of  Innovative Research in Computer Science and Technology. Volume -2, Issue -4</t>
  </si>
  <si>
    <t>ISSN: 2347-5552,</t>
  </si>
  <si>
    <t>International Journal of  Innovative Research in Computer Science and TechnologyVolume -3, Issue -3</t>
  </si>
  <si>
    <t>Efficient Principal Componenet Analysis for Recognition of Human Facial Expression</t>
  </si>
  <si>
    <t>International Journal of  AdvancedResearch in Computer Science and Management Studies. ISSN: 2321-7782, Volume -3, Issue - 2.</t>
  </si>
  <si>
    <t>Cognitive human emotion detection with vocal output</t>
  </si>
  <si>
    <t>Internationl Journal of Innovative Research in Computer and Communication Engineering (IJIRCCE),Volume3</t>
  </si>
  <si>
    <t>Design of low cost Unmanned Aerial Vehicle with live Streaming Facility</t>
  </si>
  <si>
    <t>INTERNATIONAL JOURNAL OF ADVANCEED SCIENTIFIC  AND TECHNICAL RESEARCH, Issue 5 Volume 2.</t>
  </si>
  <si>
    <t>March- April 2015</t>
  </si>
  <si>
    <t>A low cost reconfigurable wireless sensor node for coastal monitoring using programmable system on chip (PSOC)</t>
  </si>
  <si>
    <t>Mr. V.P.Patil</t>
  </si>
  <si>
    <t>International Journal of  EngineeringScience Innovation Research &amp; Development. Volume -I, Issue -VIII</t>
  </si>
  <si>
    <t>Febr uary 2015</t>
  </si>
  <si>
    <t>ISSN: 2349-6185,</t>
  </si>
  <si>
    <t>International Journal of Engineering Science Invention Research &amp; Development (IJESIRD) ,vol-1.</t>
  </si>
  <si>
    <t>Psocmutlisensor for temperture, humidity &amp; light intensity using programmable system on chip</t>
  </si>
  <si>
    <t>Tilt measurement and Vibration Detection using programmable system on chip</t>
  </si>
  <si>
    <t>Miss. P.D.Patil</t>
  </si>
  <si>
    <t>Miss.N.N. Shinde</t>
  </si>
  <si>
    <t>International Journal of Advanced Research in Computer Science and Management Studies. Volume -2, Issue - 11.</t>
  </si>
  <si>
    <t>ISSN 2278-0181</t>
  </si>
  <si>
    <t>ISSN 2347-552 ,</t>
  </si>
  <si>
    <t>Neural Network based Tumor Detection based on GLCM Texture Features</t>
  </si>
  <si>
    <t>Mr. D. B. Kadam</t>
  </si>
  <si>
    <t xml:space="preserve">International  Multidisciplinary Journal of Applied Research , </t>
  </si>
  <si>
    <t>ISSN : 2321-7073</t>
  </si>
  <si>
    <t>Brain Tumor detection using Neural Network using MR images.</t>
  </si>
  <si>
    <t xml:space="preserve">International Multidisciplinary Journal of Applied Research </t>
  </si>
  <si>
    <t>Comparison of Image Compression Techniques: Huffman and DCT</t>
  </si>
  <si>
    <t xml:space="preserve">International Journal of innovative research in Computer Science &amp; Technology (IJIRCST)  Volume 1 Issue 2 </t>
  </si>
  <si>
    <t>Automatic Fruit Detection using HSV and RGB color space Model</t>
  </si>
  <si>
    <t>International Journal of innovative research in Computer Science &amp; Technology (IJIRCST)  , Volume 2 Issue 3</t>
  </si>
  <si>
    <t>ISSN 2347-552</t>
  </si>
  <si>
    <t>Modified Neuro-Fuzzy Adaptive Equilization Algorithm Based on Radial Basis Function for Multipath Fading Wireless Channel</t>
  </si>
  <si>
    <t>M. S. Chavan</t>
  </si>
  <si>
    <t xml:space="preserve">International Journal of  Computer Science Information &amp; Engineering Technology , Issue-4, Volume-1 ,  </t>
  </si>
  <si>
    <t>March-April 2014</t>
  </si>
  <si>
    <t xml:space="preserve">ISSN-2277-4408  </t>
  </si>
  <si>
    <t xml:space="preserve">Optimization of Performance of Fuzzy Extended Kalman Filter for Nonlinear Channel Equilization </t>
  </si>
  <si>
    <t xml:space="preserve">International Journal of Advanced Scientific and  Technical Research . Issue-4, Volume-2 ,  </t>
  </si>
  <si>
    <t>ISSN-2249-9954</t>
  </si>
  <si>
    <t>Wireless Health Monitoring System Using ARM and Zigbee</t>
  </si>
  <si>
    <t>ARM Based Embedded Remote Health Monitoring System</t>
  </si>
  <si>
    <t>B.P.Kulkarni</t>
  </si>
  <si>
    <t>International Journal of Engineering Associates # 83 / Special Issue -1 (Volume 3)</t>
  </si>
  <si>
    <t>ISSN: 2320-0804</t>
  </si>
  <si>
    <t>V. P. Patil</t>
  </si>
  <si>
    <t>Online pH Measurement &amp; Control</t>
  </si>
  <si>
    <t>Prof. V.L. Karade</t>
  </si>
  <si>
    <t>Instrumentation</t>
  </si>
  <si>
    <t>IJESM (Journal)</t>
  </si>
  <si>
    <t xml:space="preserve">2320 – 0294 </t>
  </si>
  <si>
    <t>https://www.ijesm.co.in/uploads/68/3705_pdf.pdf</t>
  </si>
  <si>
    <t>Design &amp; Implementation of PID controller for single Capacity tank</t>
  </si>
  <si>
    <t>IJIRSET (Journal)</t>
  </si>
  <si>
    <t>https://www.ijirset.com/upload/2016/november/13_Design.pdf</t>
  </si>
  <si>
    <t>Design of PID Controller for Level Loop</t>
  </si>
  <si>
    <t>IJESR</t>
  </si>
  <si>
    <t>2347-6532</t>
  </si>
  <si>
    <t>https://www.ijmra.us/project%20doc/2017/IJESR_APRIL2017/IJMRA-11402.pdf</t>
  </si>
  <si>
    <t>Implementation of Strategy Based Innovative Teaching and Learning Schemes for Engineering Students</t>
  </si>
  <si>
    <t>Prof. Ravishankar Desai</t>
  </si>
  <si>
    <t>JEET Journal</t>
  </si>
  <si>
    <t>8 Jan -12 Jan. 2016</t>
  </si>
  <si>
    <t>http://www.journaleet.org/index.php/jeet/article/download/85553/65689</t>
  </si>
  <si>
    <t xml:space="preserve"> Control Valve Coefficient Testing</t>
  </si>
  <si>
    <t xml:space="preserve"> Prof Vikas L. Karade</t>
  </si>
  <si>
    <t>2349-6002</t>
  </si>
  <si>
    <t>http://ijirt.org/master/publishedpaper/IJIRT142804_PAPER.pdf</t>
  </si>
  <si>
    <t xml:space="preserve">PID Based Temperature Controller </t>
  </si>
  <si>
    <t>2321 -2004</t>
  </si>
  <si>
    <t>https://www.ijireeice.com/upload/2016/may-16/IJIREEICE%2094.pdf</t>
  </si>
  <si>
    <t>Hybrid ANN-GA Framework to Control temperature of Heat Exchanger</t>
  </si>
  <si>
    <t>Prof. (Dr.) S.S.Admuthe</t>
  </si>
  <si>
    <t>Instrument Society Of India</t>
  </si>
  <si>
    <t>1742-7185 Online 1742-7193</t>
  </si>
  <si>
    <t>https://www.inderscienceonline.com/doi/abs/10.1504/IJCSE.2015.067055</t>
  </si>
  <si>
    <t>Prof.A.M.Patil</t>
  </si>
  <si>
    <t>Mechanical</t>
  </si>
  <si>
    <t>International Journal of Engineering &amp; Innovative Technology-Volume IIII,issue2 August 2013,Pp 316-320</t>
  </si>
  <si>
    <t>ISSN2277-3754</t>
  </si>
  <si>
    <t>Combustion Analysis of MPFI SI Engines</t>
  </si>
  <si>
    <t>International Journal of Innovative Research-Volume-II –issue 8. August 2013,Pp151-154</t>
  </si>
  <si>
    <t>ISSN2278-7844</t>
  </si>
  <si>
    <t>Selection of Capillary Tube for Refrigeration System</t>
  </si>
  <si>
    <t>International Journal of Engineering innovations -Volume-II-issue12. August 2013Pp.1-4</t>
  </si>
  <si>
    <t>ISSN2319-6491(P)
 ISSN2278-7461(E)</t>
  </si>
  <si>
    <t>Experimental and Computational Fluid Dynamics Heat Transfer Analysis on Elliptical fin By Forced Convection</t>
  </si>
  <si>
    <t>Prof.H.M.Dange</t>
  </si>
  <si>
    <t>International Journal of Engineering Research and Technology-Vol2-issue8 August 2013 Pg.1582-1594</t>
  </si>
  <si>
    <t>ISSN2278-0181</t>
  </si>
  <si>
    <t>Experimental Studies of double pipe helical coil heat exchangers with micro fins</t>
  </si>
  <si>
    <t>International Journal of Innovative Research in science –Vol2-issue9 sepember2013</t>
  </si>
  <si>
    <t>Review of Thermoelectric Device</t>
  </si>
  <si>
    <t>International Journal of Engineering and Technology and Advanced Engineering –VolumeIII-issue10,Pp.681-688</t>
  </si>
  <si>
    <t>ISSN2250-2459(Online)</t>
  </si>
  <si>
    <t>Experimental and Theoretical Analysis of Heat Transfer Augmentation From Dimple Surfaces</t>
  </si>
  <si>
    <t>International Journal of Engineering Research &amp; Application Research-Volume-III Sept-Octo2013Pp.19-23</t>
  </si>
  <si>
    <t>Heat Transfer Analysis of a Cone shaped Helical coil Heat Exchanger</t>
  </si>
  <si>
    <t>International Journal of Innovations in Engineering and Technology. Published in Oct2013</t>
  </si>
  <si>
    <t>Thermodynamic and Hydrodynamic performance of double pipe heat exchanger with bended strips</t>
  </si>
  <si>
    <t>International Journal of Engineering Research and Technology-Volume2-Issue10 October 2013. Pg.1016-1022</t>
  </si>
  <si>
    <t>Performance Enhancement of Cooling system of a MPFI multi cylinder petrol engine by using nano fluids</t>
  </si>
  <si>
    <t>International Journal of Mechanical and Production Engineering Research and development-Volume3-issue 4. October2013.</t>
  </si>
  <si>
    <t>ISSN2249-6890</t>
  </si>
  <si>
    <t>A Review of Heat Transfer Argumentation Techniques For Combined Coiled Insert and Dimple Tube Approach</t>
  </si>
  <si>
    <t>International Journal of Engineering Research and Technology-VolumeII- issue II Nov2013,Pp.1050-1054</t>
  </si>
  <si>
    <t>Performance analysis of single cylinder four stroke petrol engine using petrol blended with thumba oil</t>
  </si>
  <si>
    <t>International Journal of Innovative Research in Science, Engineering and Technology-Volume 3-issue2 February 2014. Pg.9464-9468</t>
  </si>
  <si>
    <t>ISSN2319-8753</t>
  </si>
  <si>
    <t>Comparative study of conventional vortex tube and modified vortex tube</t>
  </si>
  <si>
    <t>International Journal of Research in Aeronautical and Mechanical Engineering –Volume2-issue3 March2014.Pp.232-236</t>
  </si>
  <si>
    <t>ISSN 2321-3051</t>
  </si>
  <si>
    <t>Compound Heat Transfer Enhancement in Dimpled Wall Dust Fitted With Coiled Wire Insert</t>
  </si>
  <si>
    <t>International Journal of Engineering Research &amp; Technology –Volume3-issue3 March2014.Pp.589-595</t>
  </si>
  <si>
    <t>Performance analysis of single cylinder diesel engine, using diesel blended with thumba oil</t>
  </si>
  <si>
    <t>International Journal of soft Computing and Engineering-Volume4-Issue-1 Pg.1-7 March2014,Pp.1-7</t>
  </si>
  <si>
    <t>ISSN2231-2307</t>
  </si>
  <si>
    <t>Review paper on selective coating of absorber tube for parabolic trough collector</t>
  </si>
  <si>
    <t>International Journal of Engineering, sciences and Research Technology,Volume3-Issue4, April2014,Pg.6005-6008</t>
  </si>
  <si>
    <t>ISSN 2277-9655</t>
  </si>
  <si>
    <t>Review of Composite Material Mono Leaf Spring</t>
  </si>
  <si>
    <t>Prof.N.V.Hargude Mr.P.P.Awate</t>
  </si>
  <si>
    <t>International Journal of Emerging technology and Advanced Engineering,Volume 4-issue-5, May2014</t>
  </si>
  <si>
    <t>ISSN2250-2459</t>
  </si>
  <si>
    <t>Analysis of composite mono leaf spring</t>
  </si>
  <si>
    <t>Prof.N.V.Hargude
 Prof.P.P.Awate</t>
  </si>
  <si>
    <t>International Journal for Mechanical Engineering and Technology,Volume5-Issue5, May2014,Pg.9-16</t>
  </si>
  <si>
    <t>ISSN0976-6359(Scopous Indexed Journal)</t>
  </si>
  <si>
    <t>Weight optimization of fixed jaw of Rear Vice of Horizontal Band Saw Machine Using Topology Optimization</t>
  </si>
  <si>
    <t>Prof.S.S.Patil</t>
  </si>
  <si>
    <t>International Journal of Research in Engineering and Technology,Vol3-issue6, June2014</t>
  </si>
  <si>
    <t>ISSN2319-1163</t>
  </si>
  <si>
    <t>Weight Optimization of Movbale Jaw of Rear Vice of Horizontal Band Saw Machine Using Topology Optimization</t>
  </si>
  <si>
    <t>International Journal of Science &amp; Research, June2014</t>
  </si>
  <si>
    <t>ISSN2319-7064</t>
  </si>
  <si>
    <t>Effect of flash gas bypass on performance of VCR system</t>
  </si>
  <si>
    <t>International Journal of Research in Engineering &amp; Technology –Volume3-issue6, June2014,Pp.107-110.</t>
  </si>
  <si>
    <t>ISSN 2321-7308</t>
  </si>
  <si>
    <t>Essential Requirements of PPAP</t>
  </si>
  <si>
    <t>Mr.A.R.Dandekar Mr.A.P.Shrotri Mr.S.B.Khandagale</t>
  </si>
  <si>
    <t>International Journal of Technological Exploration and Learning,Volume3-Isuue 3,June2014</t>
  </si>
  <si>
    <t>ISSN2319-2135</t>
  </si>
  <si>
    <t>Application of Automatic Control System for Quality Enhancement-A Case Study</t>
  </si>
  <si>
    <t>Prof.R.D.Patil Prof.A.P.Shrotri Prof.D.P.Patil Prof.A.R.Dandekar</t>
  </si>
  <si>
    <t>IJEA,Volume3-issue7,July2014, Pg.4-7</t>
  </si>
  <si>
    <t>ISSN2320-0804</t>
  </si>
  <si>
    <t>Single phase heat transfer and pressure drop in the microtube with coiled wire insert</t>
  </si>
  <si>
    <t>Prof.A.M. Patil</t>
  </si>
  <si>
    <t>International Journal of Engineering and Innovations, Vol 3. Issue 12, July 2014,Pp.1-5</t>
  </si>
  <si>
    <t>ISSN 2319-6491</t>
  </si>
  <si>
    <t>Cost Reduction of Fix Jaw of Rear Vice of Horizontal Band Saw Machine using Topology Optimization</t>
  </si>
  <si>
    <t>Prof.N.V.Hargude</t>
  </si>
  <si>
    <t>International Journal of Scientific and Research,Volume3-Issue8, August2014, Pg.268-272</t>
  </si>
  <si>
    <t>An analysis on various techniques of cooling and estimation intended for building</t>
  </si>
  <si>
    <t>International Journal of advances in science and technology, Vol. 7 Issue XIV, Aug. 2014Pp.1-5</t>
  </si>
  <si>
    <t>Peer reviewed</t>
  </si>
  <si>
    <t>Development of weeder blade by Finite analysis method</t>
  </si>
  <si>
    <t>Dr.S.S.Kulkarni</t>
  </si>
  <si>
    <t>International Journal of scientific research and Engineering technology,volume3-Issue 6 Sept2014,Pg.941-945,sept2014</t>
  </si>
  <si>
    <t>ISSN2278-0882</t>
  </si>
  <si>
    <t>Study of Cottonseed Oil and Maize Oil Biodiesel as a Fuel for C I Engine</t>
  </si>
  <si>
    <t>International Journal of Scientific Research,Volume3-issue9,Sept2014, Pg.150-152</t>
  </si>
  <si>
    <t>ISSN2277-8179</t>
  </si>
  <si>
    <t>Development of Gasoline Port Injection System for Kirloskar Engine and Their Performanance study</t>
  </si>
  <si>
    <t>Prof.S.J.Adsul Prof.C.G.Harge Prof.N.S.Mane</t>
  </si>
  <si>
    <t>International Journal of Technological Exploration And Learning,VOL3-No.5,Octo2014,Pg.572-575</t>
  </si>
  <si>
    <t>Design and development of plastic injection mold for Auto component</t>
  </si>
  <si>
    <t>Prof.S.SPatil</t>
  </si>
  <si>
    <t>International Journal of Advanced Engineering Research and studies,Vol4,Oct-Dec2014,Pg.27-30</t>
  </si>
  <si>
    <t>ISSN2249-8974</t>
  </si>
  <si>
    <t>Stress analysis of notch specimen by using reflection polariscope technique</t>
  </si>
  <si>
    <t>Prof.R.D.Patil, 
 Prof. S.S.Awati</t>
  </si>
  <si>
    <t>International Journal of Scientific Research and Management studies, Vol. 1- Issue 8, Oct. 2014, Pg. 257-262</t>
  </si>
  <si>
    <t>ISSN 2349-3371</t>
  </si>
  <si>
    <t>Development and performance evaluation of selective cooling of absorber tube for parabolic through collector</t>
  </si>
  <si>
    <t>International Journal of Application for innovation in Engineering Management, Volume 3, Issue 11, November 2014,Pg.169-174</t>
  </si>
  <si>
    <t>ISSN 2319-4847</t>
  </si>
  <si>
    <t>Time an Unveiled dimension in Engineering Practice</t>
  </si>
  <si>
    <t>Prof.C.G.Harge Prof.A.A.Kumbhojkar 
 Prof.A.P.Shrotri Prof.A.R.Dandekar</t>
  </si>
  <si>
    <t>International Journal of Innovative Research in Science Engineering and Technology,Volume3-issue11,Nov2014</t>
  </si>
  <si>
    <t>A review on effect of addition of Nano particles on tribological properties of lubricants</t>
  </si>
  <si>
    <t>Prof.D.P.Patil Prof.A.P.Shrtotri</t>
  </si>
  <si>
    <t>International Journal of Mechanical Engineering and Technology,volume5-issue11,Nov2014,Pg.120-129</t>
  </si>
  <si>
    <t>Review of Heat Transfer Parameters of serrated plate fin heat exchanger for different materials</t>
  </si>
  <si>
    <t>Prof.A.M.Patil Prof.H.M.Dange</t>
  </si>
  <si>
    <t>International Journal of Innovations in Engineering Research and Technology,Volume1-issue1,Nov2014,Pg.1-6</t>
  </si>
  <si>
    <t>ISSN2394-3696</t>
  </si>
  <si>
    <t>Design and Devlopement of cutter for rotary Weeder</t>
  </si>
  <si>
    <t>International Journal of Research and Industrial Application,vol7-issue4,Nov2014,pg.34-43</t>
  </si>
  <si>
    <t>ISSN0975-1518</t>
  </si>
  <si>
    <t>Review of heat transfer for parameters using internal threaded pipe fitted with inserts of different materials</t>
  </si>
  <si>
    <t>International Juornal of innovations in engineering research and technology. Vol. 1, Issue 1, Nov, 2014Pp1-4</t>
  </si>
  <si>
    <t>ISSN 2394-3696</t>
  </si>
  <si>
    <t>Review paper on Application of variable displacement linkage in radial piston pump</t>
  </si>
  <si>
    <t>Prof.S.S.Patil Prof.N.V.Hargude 
 Prof. Pol P.S.</t>
  </si>
  <si>
    <t>International Journal of Engineering Science and Research Technology, Dec2014</t>
  </si>
  <si>
    <t>ISSN2277-9655</t>
  </si>
  <si>
    <t>Design and Development of Die Manufacturing a pump impeller in cooling system of two wheeler</t>
  </si>
  <si>
    <t>Prof.D.P.Patil</t>
  </si>
  <si>
    <t>International Journal of Advanced Engineering Research&amp;Studies, Dec 2014</t>
  </si>
  <si>
    <t>Parametric optmization of near dry electrical discharge machining process for AISI SAE D-2 Tool steel</t>
  </si>
  <si>
    <t>Prof N.V.Hargude</t>
  </si>
  <si>
    <t>International Journal of Mechanical Engineering and Technology,volume6-issue1,Jan2015,Pg.21.24</t>
  </si>
  <si>
    <t>ISSN0976-63599Scopous Indexed)</t>
  </si>
  <si>
    <t>A comparitive study for selection of effective electrolyte solution for electrochemical discharge machine</t>
  </si>
  <si>
    <t>Prof.N.V.Hargude Prof.A.P.Shrtotri Mr.M.L.Hargude Mr.S.P.Shinde</t>
  </si>
  <si>
    <t>International Journal of Mechanical Engineering and Technology,volume6-issue3,Nov2014,Pg.21.24</t>
  </si>
  <si>
    <t>Scopous Indexed)ISSN0976-6359</t>
  </si>
  <si>
    <t>Review on Experimental investigation of natural convection heat transfer with special V fins array</t>
  </si>
  <si>
    <t>Prof.S.A.Wani</t>
  </si>
  <si>
    <t>Internaional Journal of Scientific Research and Development, vol 2, Issue 11, Jan.2015</t>
  </si>
  <si>
    <t>Experimental study of heat transfer parameters using internal threaded pipe fitted with inserts of different materials</t>
  </si>
  <si>
    <t>International Juornal of innovations in engineering research and technology. Vol. 2, Issue 1, Jan, 2015,Pp.1-7</t>
  </si>
  <si>
    <t>International Juornal of innovations in engineering research and technology. Vol. 2, Issue 1, Jan, 2015</t>
  </si>
  <si>
    <t>A COMPARATIVE STUDY OF APQP AND
 CONTEMPORARY PRODUCT DESIGN AND
 DEVELOPMENT STRATEGIES</t>
  </si>
  <si>
    <t>Prof.A.P.Shrotri Prof.D.P.Patil Prof.V.P.Patil Prof.N.S.Mane</t>
  </si>
  <si>
    <t>International Journal of Mechanical Engineering and Technology,Volume6-Issue1,Jan2015,Pp.47-55</t>
  </si>
  <si>
    <t>Analysis of carbon fiber epoxy composite leaf springs</t>
  </si>
  <si>
    <t>Prof.N.V.Hargude
 Prof.P.P.Awate
 Prof.N.D.Patil</t>
  </si>
  <si>
    <t>Internaional Journal of Scientific Research and Development, vol 2, Issue 12, Feb.2015,Pp.355-357</t>
  </si>
  <si>
    <t>A review on use of Magnetic Effect in Refrigeration and Air Conditioning</t>
  </si>
  <si>
    <t>Mr.N.S.Mane</t>
  </si>
  <si>
    <t>International Journal for scientific research and development, Vol-2, issue 12,2015</t>
  </si>
  <si>
    <t>ISSN2231-0613</t>
  </si>
  <si>
    <t>A review on optimization of rotary table pallets</t>
  </si>
  <si>
    <t>International Journal of Mechanical Engineering and Technology,volume6-issue3,March2015,Pg.21.24</t>
  </si>
  <si>
    <t>Magnetohydrodynamics: A method for Performance enhancement in air conditioning and refrigeration</t>
  </si>
  <si>
    <t>Prof.H.M.Dange
 Prof.P.P.Awate
 Prof.N.S.Mane</t>
  </si>
  <si>
    <t>International Journal of Engineering Sciences and Research Technology, March. 2015</t>
  </si>
  <si>
    <t>Optimization of capillary tube in refrigeration system</t>
  </si>
  <si>
    <t>Internation Juornal of Application of Innovation in Engineering and Management. Vol. 4, Issue 3. March, 2015,Pp43-45</t>
  </si>
  <si>
    <t>Review on Theoretical analysis of Spray bowl interaction</t>
  </si>
  <si>
    <t>Prof.B.S.Galande</t>
  </si>
  <si>
    <t>International Journal of Theoretical and Applied Research in Mechanical Engineering,Volume4-Issue2,Pp.63-67</t>
  </si>
  <si>
    <t>ISSN 2319-3182</t>
  </si>
  <si>
    <t>A REVIEW OF APPLICATION OF SOME PRODUCT DEVELOPMENT TECHNOQUES APPLIED IN ENGINEERING INDUSTRY</t>
  </si>
  <si>
    <t>Mr.A.R.Dandekar Mr.A.P.Shotri Mr.S.B.Khandagale</t>
  </si>
  <si>
    <t>International Journal of Rsearch in Engineering and Technology,Volume4-Issue3,Mra2015,Pp.331-336</t>
  </si>
  <si>
    <t>Rapeseed An Alternative Biodisel</t>
  </si>
  <si>
    <t>Mr.A.M.Patil Mr.T.B.Patil Mr.P.P.Awate</t>
  </si>
  <si>
    <t>International Journal of Engineering Science &amp; Research Technology</t>
  </si>
  <si>
    <t>Deflection analysis of steel leaf spring vs composite leaf spring through FEA software</t>
  </si>
  <si>
    <t>International Journal of Application or innovation in Engineering and Management,Volume4-Issue4,April2015,Pp.1</t>
  </si>
  <si>
    <t>ISSN2319-4847</t>
  </si>
  <si>
    <t>Review of Recent Techniques of Heat transfer enhancement and validation of heat exchanger</t>
  </si>
  <si>
    <t>Prof.S.P.Mane</t>
  </si>
  <si>
    <t>Journal of Emerging Technologies and Innovative Research</t>
  </si>
  <si>
    <t>ISSN 2349-5162</t>
  </si>
  <si>
    <t>Analytical and Numerical Investigation of Composite Material Rod under Tensile Loading</t>
  </si>
  <si>
    <t>Prof N.V.Hargude Mr.S.B.Khandagale</t>
  </si>
  <si>
    <t>International Journal of innovative Research in Science Engineering and Technology,Volume4-issue6,Nov2015</t>
  </si>
  <si>
    <t>An Experimental study of Thermo – Hydraulic performance of modified Double pipe Heat exchanger using mesh inserts</t>
  </si>
  <si>
    <t>International Journal of Innovative Research in science, engineering &amp; Technology (IJIRSET) (ISSN online – 2319-8753, ISBN print 2347-6710) vol 4 issue 6, Pp.4622-</t>
  </si>
  <si>
    <t>ISSN 2319-8573</t>
  </si>
  <si>
    <t>Design and Development of a Special Purpose Bidirectional Mixer to Maximize Agitating Performance</t>
  </si>
  <si>
    <t>International Journal of Modern Studies in Mechanical Engineering (IJMSME) Volume 1, Issue 1, June 2015, PP 1-7</t>
  </si>
  <si>
    <t>ISSN2321-0613</t>
  </si>
  <si>
    <t>Magnetohydrodynamics: a Emerging Trend to Enhance Heat Transfer in Air
 Conditioning System</t>
  </si>
  <si>
    <t>Mr.A.P. Shrotri Mr.S.A.Wani Mr.V.P.Patil Mr.N.S.Mane</t>
  </si>
  <si>
    <t>International Journal Series in Multidisciplinary Research (IJSMR), Volume 1, Issue 2, 2015
 PP 41-48</t>
  </si>
  <si>
    <t>ISSN: 2455-2461</t>
  </si>
  <si>
    <t>Experimental invistegation of natural convection heat transfer from a fin array-Areview</t>
  </si>
  <si>
    <t>Mr.S.A.Wani Mr.A.P.Shrotri Mr.A.R.Dandekar</t>
  </si>
  <si>
    <t>International Journal of Modern studis in Mechanical Engineering,Volume2-Issue1,Pp.46-50</t>
  </si>
  <si>
    <t>ISSN-2454-9711</t>
  </si>
  <si>
    <t>A review on “Design Optimization of composite material drive shaft of an Automobile</t>
  </si>
  <si>
    <t>Mr.A.P.Shrotri
  Mr.S.B.Khandagale 
  Mr.C.G.Harge</t>
  </si>
  <si>
    <t>International Journal of Advances in Engineering Science and Technology(IJAEST) Volume5, Number 1 – 2016 PP 65-68</t>
  </si>
  <si>
    <t>ISSN: 2319-1112</t>
  </si>
  <si>
    <t>Tool Condition Monitoring In Machining Using
 Vibration Signature Analysis: A Review</t>
  </si>
  <si>
    <t>Mr.A.P.Shrotri Mr.Dr.S.S.Kulkarni Mr.C.G.Harge</t>
  </si>
  <si>
    <t>International Journal of Advances in Engineering Science and Technology(IJAEST) Volume5, Number 1 – 2016 PP 59-64</t>
  </si>
  <si>
    <t>Pressure Distribution and Friction Coefficient of Hydrodynamic Journal Bearing</t>
  </si>
  <si>
    <t>Mr.N.D.Patil</t>
  </si>
  <si>
    <t>International Journal of Advanced Research in Science &amp; Engineering,Volume6-Issue2Pp.621</t>
  </si>
  <si>
    <t>ISSN 2319-8436</t>
  </si>
  <si>
    <t>Design optimization of pressure vessel support Frame Using Finite Element Analysis</t>
  </si>
  <si>
    <t>Mr..A.P. Shrotri
  Mr..S.A.Wani 
 Mr..Sandesh Awati</t>
  </si>
  <si>
    <t>IPASJ International Journal of Mechanical Engineering (IIJME),Volume 3, Issue 11</t>
  </si>
  <si>
    <t>ISSN 2321-6441</t>
  </si>
  <si>
    <t>Stress analysis of Notch specimen by using reflection polariscope Technique</t>
  </si>
  <si>
    <t>Mr.R.D.Patil</t>
  </si>
  <si>
    <t>Internationa Journal of Recent Advances in Science and Engineering Volume-I,Issue 10,Dec2015</t>
  </si>
  <si>
    <t>Experimental investigation of dimpled plate by natural Convection heat transfer – a review</t>
  </si>
  <si>
    <t>Mr.A.P. Shrotri Mr.S.A.Wani Mr.S.R.Patil Mr.S.A.Kore</t>
  </si>
  <si>
    <t>International Journal of Advances in Engineering Science and Technology (IJAEST),Volume 4, Issue 3, Dec 2015, PP 105-110</t>
  </si>
  <si>
    <t>Coupling of Solar Collectors for getting High Temperatures for Industrial Applications: A Review</t>
  </si>
  <si>
    <t>Mr.A.P. Shrotri Mr.M.L.Hargude Mr.V.P.Patil Mr.N.S.Mane</t>
  </si>
  <si>
    <t>International Journal of Recent Advances in Science &amp; Engineering Volume 1, Issue 10, December, 2015</t>
  </si>
  <si>
    <t>MATLAB analysis of an Electrically Powered Active Hybrid Suspension (EPAHS) for vehicle</t>
  </si>
  <si>
    <t>Mr.A.P. Shrotri Mr.D.P.Patil Mr.V.P.Patil Mr.N.S.Mane</t>
  </si>
  <si>
    <t>Performance &amp; Analysis of Parabolic collector – silver foil reflecting Material</t>
  </si>
  <si>
    <t>Mr. N.D. Patil, Mr. P.S.Pol, Mrs S.P. Shinde</t>
  </si>
  <si>
    <t>International Journal of Advance Research in Science &amp; Engineering, Vol No 5, Issue No 5.</t>
  </si>
  <si>
    <t>Significance of viscoelastic Materials in Vibration and Noise Controls</t>
  </si>
  <si>
    <t>Mr.A.A.Kumbhojkar Mr.A.P.Shrotri</t>
  </si>
  <si>
    <t>International Journal of Engineering science and Management Volume02,Issue01,Jan-2016,Pg59-63</t>
  </si>
  <si>
    <t>ISSN2454-4140</t>
  </si>
  <si>
    <t>Design failure mode effect analysis of a
 Centrifugal oil cleaner and plan for validation of the DFMEA</t>
  </si>
  <si>
    <t>MrS.S.Chitale, , Mr.N.V..Hargude Mr.G.SJoshi Mr..A.R.Dandekar</t>
  </si>
  <si>
    <t>International journal of current engineering and scientific research (IJCESR),VOLUME-3, ISSUE-1, 2016,pp- 82-88</t>
  </si>
  <si>
    <t>ISSN (PRINT): 2393-8374, (ONLINE): 2394-0697</t>
  </si>
  <si>
    <t>Experimental Investigation of a dimpled plate by natural convection of heat transfer</t>
  </si>
  <si>
    <t>Mr.S.A.Wani Mr.K.S.Kamble Miss.T.B.Patil Mrs.S.P. Mane</t>
  </si>
  <si>
    <t>International Resreach of Engineering and Technology Volume3-Issue01</t>
  </si>
  <si>
    <t>ISSN 2395-005</t>
  </si>
  <si>
    <t>Development of Composite material using Coconut shell particles and Bagasse particles in proportion by their weight and Estimation of Mechanical Strengths of the same</t>
  </si>
  <si>
    <t>International Journal of Advanced Technology in Engineering and Science,Volume04,issue02,Feb2016,Pg.116-121</t>
  </si>
  <si>
    <t>ISSN 2348-7550</t>
  </si>
  <si>
    <t>Experimental and Analysis of Trapezoidally corrugated web beam for its strength and mode a review</t>
  </si>
  <si>
    <t>Mr.N.V.Hargude Mr.K.D.Ghatage</t>
  </si>
  <si>
    <t>International Journal of Advance Research in Science &amp; Engineering, Vol No 5, Issue No 2.</t>
  </si>
  <si>
    <t>ISSN2319-8354</t>
  </si>
  <si>
    <t>Paper on experimental analysis of pressure vessel support frame</t>
  </si>
  <si>
    <t>A.P.Shrotri P.P.Awate</t>
  </si>
  <si>
    <t>International Journal of Science Technology and Engineering,Volume3-issue8</t>
  </si>
  <si>
    <t>ISSN2394-784X</t>
  </si>
  <si>
    <t>Susspension system with broad classification and various models-A review</t>
  </si>
  <si>
    <t>Dr.S.S.Kulkarni Mr.Amod Shrotri</t>
  </si>
  <si>
    <t>International Journal of Advanced Technology in Engineering Science ,Volume 04-Issue02</t>
  </si>
  <si>
    <t>ISSN2348-7550</t>
  </si>
  <si>
    <t>A review on optimization of SG iron pallet used in rotary table</t>
  </si>
  <si>
    <t>P.V.Kadam A.P.Shrotri</t>
  </si>
  <si>
    <t>International Journal of innovative research in science and engineering volume2-issue03</t>
  </si>
  <si>
    <t>ISSN2454-9665</t>
  </si>
  <si>
    <t>Theoretical Study of Different types of Composite Materials</t>
  </si>
  <si>
    <t>Mr. N.D. Patil, Mr. N.V. Hargude, Mr. A.M. Patil</t>
  </si>
  <si>
    <t>International Journal of Innovative Research in Science &amp; Engineering, Vol No-2, Issue 3</t>
  </si>
  <si>
    <t>ISSN No-2454-9665</t>
  </si>
  <si>
    <t>Analysis of Power generation :An innovative technology of solar chimeny</t>
  </si>
  <si>
    <t>Mr.C.G.Harge</t>
  </si>
  <si>
    <t>International Journal of innovative and futurestic research-31 issue Pp.2477-2485</t>
  </si>
  <si>
    <t>ISSN2347-1697</t>
  </si>
  <si>
    <t>Atomic Batteries a compact and long life power source</t>
  </si>
  <si>
    <t>Mr.N.S.Mane Mr.N.V.Hargude Mr.V.P.Patil</t>
  </si>
  <si>
    <t>International Journal of Advance Research in Science &amp; Engineering, Vol No 2, Issue No .3</t>
  </si>
  <si>
    <t>Modern Trends in Marketing Management</t>
  </si>
  <si>
    <t>Mr.N.V.Hargude Mr.A.R.Dandekar</t>
  </si>
  <si>
    <t>International Journal of Sciencetechnonology and management ,Volume5-issue3</t>
  </si>
  <si>
    <t>ISSN2394-1537</t>
  </si>
  <si>
    <t>Stratigies in supply chain management-A Review</t>
  </si>
  <si>
    <t>Mr.M.L.Hargude Mr.K.D.Ghatage, Mr.C.G.Harge Mr.N.V.Hargude</t>
  </si>
  <si>
    <t>International Journal of Science,Technology and Management</t>
  </si>
  <si>
    <t>Review on application of twin worm gear arrangement in load lifting devices</t>
  </si>
  <si>
    <t>Mr.A.P.Shrotri Mr.S.B.Khandagale Mr.N.S.Mane</t>
  </si>
  <si>
    <t>International Journal of Advance Research in Science and Engineering,Volume no.05-Special issue no.01</t>
  </si>
  <si>
    <t>Condion diagnotics of rotary machiniries using vibration analysis</t>
  </si>
  <si>
    <t>MrA.A.Kumbhojkar MrA.P.Shrotri DrS.S.Kulkarni</t>
  </si>
  <si>
    <t>Experimental Investigation of an inline dimpled plate by natural convection heat transfer</t>
  </si>
  <si>
    <t>S.A.Wani N.V.Hargude Mrs.S.P.Mane, Mr.K.S.Kamble</t>
  </si>
  <si>
    <t>Quality Function Deployment</t>
  </si>
  <si>
    <t>Mr.U.R.Atugade Mr.P.P.Awate Mrs.S.P.Shinde Mrs.N.V.Hargude</t>
  </si>
  <si>
    <t>International Journal of Scieence Technology and Management,Volume05-Issue03</t>
  </si>
  <si>
    <t>Stress analysis of Epoxy Carbon Fiber Composite Material for Leaf Spring by using FEA software</t>
  </si>
  <si>
    <t>Mr. N.D. Patil, Mr. V.P. Patil, Mr. P.P.Awate</t>
  </si>
  <si>
    <t>International Journal for scientific Research &amp; Development, Vol 4, Issue 2, April 2016.</t>
  </si>
  <si>
    <t>ISSN No- 2321-0613</t>
  </si>
  <si>
    <t>An investigative study on application of carbon nanotubes for strain sensing</t>
  </si>
  <si>
    <t>Mr.Dr.S.V.Joshi</t>
  </si>
  <si>
    <t>Journal of NANOSYSTEMS: PHYSICS, CHEMISTRY, MATHEMATICS, 2016, 7(4) Pp,755-758</t>
  </si>
  <si>
    <t>Application of photostress method in the Analysis of Stress around a Notch</t>
  </si>
  <si>
    <t>Mr.R.D.Patil 
  Mr.C.G.Harge
  Mr.S.S.Awati</t>
  </si>
  <si>
    <t>Global Research and Development Journal for Engineering Volume 1,issue11,</t>
  </si>
  <si>
    <t>ISSN 2455-5703</t>
  </si>
  <si>
    <t>Design and Analysis of Balanced Stiffness Valve by usng Finite Element Analysis</t>
  </si>
  <si>
    <t>Mr.A.A.Kumbhojkar</t>
  </si>
  <si>
    <t>Published in International Journal of Engineering Development and Research IJEDR Volume 04 issue 3-July 2016 Page No. Paper ID IJDER 1603053</t>
  </si>
  <si>
    <t>ISSN2321-9939</t>
  </si>
  <si>
    <t>Advanced Product Quality Planning (APQP) an Effective Tool In Quality Management System</t>
  </si>
  <si>
    <t>Mr.R.D.Patil Mr.A.R.Dandekar</t>
  </si>
  <si>
    <t>International Journal of Engineering Associates Volume 5-Issue7July2016</t>
  </si>
  <si>
    <t>A review on experimental invistigation of Natural Convective Heat Transfer in various types of winglets</t>
  </si>
  <si>
    <t>Mr.S.R..Patil</t>
  </si>
  <si>
    <t>International Journal for scientific Research &amp; Development, Vol 4 Issue 5</t>
  </si>
  <si>
    <t>A research on Design and development of Sound Jacket For Hermatically sealed compressor using visco-elastic Material</t>
  </si>
  <si>
    <t>Published in International Journal of Engineering Development and Research IJEDR Volume 04 issue 3-Aug 2016 Page No. 151-157Paper ID IJDER 1603111</t>
  </si>
  <si>
    <t>Analysis of Epoxy Carbon Composite Material Mono Leaf Spring, comparision with steel leaf spring</t>
  </si>
  <si>
    <t>Mr. N.D. Patil, Mr. V.P. Patil, Mrs. S.P. Shinde</t>
  </si>
  <si>
    <t>International journal of Innovative Research in Science &amp; Engineering, Vol 2, Issue 10.</t>
  </si>
  <si>
    <t>ISSN No 2454-9665.</t>
  </si>
  <si>
    <t>Design of Injection Mode using simulation technique for minimizing defect</t>
  </si>
  <si>
    <t>Mr.S.S.Patil Mr.S.S.Awati Mr.Amarsingh Patil Mr.P.P.Shinde</t>
  </si>
  <si>
    <t>International Research Journal of Engineering and Technology Volume3-Issue10</t>
  </si>
  <si>
    <t>Performance Analysis of Parabolic Solar Dish Collector for Various reflecting Material</t>
  </si>
  <si>
    <t>International Research Journal of Engineering and Technology Volume3-Issue11,</t>
  </si>
  <si>
    <t>ISSN2395-0072</t>
  </si>
  <si>
    <t>Finite elemnt Analysis of Pressure Vessel Support Frame</t>
  </si>
  <si>
    <t>Mr.P.P.Awate Mr.A.P.Shrotri</t>
  </si>
  <si>
    <t>International Journal for Scientific Researcand Developement,Volume04-Issue12,Feb17</t>
  </si>
  <si>
    <t>Experimental comparison of Natural convection heat transfer in Horizontal fins and V-fins on a blackened vertical plate</t>
  </si>
  <si>
    <t>Mr.S.A.Wani Mr.K.S.Kamble Mr.A.J.Pawar. Mr.D.K.Patil</t>
  </si>
  <si>
    <t>International Journal of Science ,Technology and Engineering,volume3-issue9</t>
  </si>
  <si>
    <t>ISSN2349-784X</t>
  </si>
  <si>
    <t>A review paper based on performance analysis of heat exchanger using helical fins with varying pitch</t>
  </si>
  <si>
    <t>International Journal for sientific research and development,Volume5-Issue1</t>
  </si>
  <si>
    <t>Experimental Comparison of Natural Convection Heat Transfer from various dimpled plates</t>
  </si>
  <si>
    <t>International Journal For Scintific Research and Developement,Voume 5-Issue17,</t>
  </si>
  <si>
    <t>Review of sidestand retriving system</t>
  </si>
  <si>
    <t>International Journal of Engineering Associates , Vol 5 Issue 2, April 2017,Pp.1442-1443</t>
  </si>
  <si>
    <t>Woman empowerment throufgh Business empowerment of weaker sections</t>
  </si>
  <si>
    <t>Mr.N.V.Hargude</t>
  </si>
  <si>
    <t>International Journal of Engineering Associates Volume 6-Issue4 April2017</t>
  </si>
  <si>
    <t>Comparitive design and optimization of FG3OO and SG350/22 Material used for Rorary table pallet</t>
  </si>
  <si>
    <t>Mr.P.V.Kadam</t>
  </si>
  <si>
    <t>International Journal of Scientific Research Developement,Volume5-Issue2-2017,Pp.821-827</t>
  </si>
  <si>
    <t>Pareto analysis of Centrifugal Oil Cleaner</t>
  </si>
  <si>
    <t>Mr.A.R.Dandekar Mr.N.V.Hargude Mr.D.P.Patil</t>
  </si>
  <si>
    <t>International Journal of Engineering Associates Volume 6-Issue5May2017</t>
  </si>
  <si>
    <t>Heat trensfer enhancement using electrohydrodynamic and Magnetohydrodynamic tehchniques</t>
  </si>
  <si>
    <t>Mr.N.S.Mane Mr.M.L.Hargude</t>
  </si>
  <si>
    <t>Asian Revie of Mechanical Engineering,,Volume06-Issue01,Pp.1-1</t>
  </si>
  <si>
    <t>ISSN2249-6289</t>
  </si>
  <si>
    <t>Geothermal Energy systems and Potential A reviw</t>
  </si>
  <si>
    <t>Mr.P.P.Awate Mr.N.S.Mane Mrs .S.P.Shinde</t>
  </si>
  <si>
    <t>International Journal for scintific Research and Developement,Volume5-Issue3,June2017</t>
  </si>
  <si>
    <t>Hyperloop design forTransportation</t>
  </si>
  <si>
    <t>Mr.N.D Patil Mrs.S.P.Shinde Mr.P.P.Awate</t>
  </si>
  <si>
    <t>International Journal for scintific research and development,Volume 5 Issue 4,June2017,Pp.1877-1881</t>
  </si>
  <si>
    <t>Effect of change in vaccum pressure on the performanance of solar dryers</t>
  </si>
  <si>
    <t>Mr.N.S.Mane Mr.A.M.Patil Mr.N.V.Hargude</t>
  </si>
  <si>
    <t>Springer link</t>
  </si>
  <si>
    <t>ISBN978-3-319-53556-2</t>
  </si>
  <si>
    <t>A Review paper based on Design,Optimization and Testing of Special purpose Worm and Worm Wheel Gear box FOR Butterfly Valve operation</t>
  </si>
  <si>
    <t>Mr.R.D.Patil Mr.S.N.Ankalkhope Mr.S.S.Awati</t>
  </si>
  <si>
    <t>International Journal of Scientific Research Developement,Volume5-Issue5July-2017</t>
  </si>
  <si>
    <t>Performance analysis of Heat Exchanger using helical fins with varying pitch</t>
  </si>
  <si>
    <t>Mr.S.R.Patil</t>
  </si>
  <si>
    <t>International Journal for scintific reserach and developement,Volume5-Issue7</t>
  </si>
  <si>
    <t>Experimental investigation of heat transfer phenomenon in triple tube heat exchanger with dimple on internal tube and internal threaded middle tube and its validation using CFD analysis</t>
  </si>
  <si>
    <t>International Journal for scientific reserach and developement ,volume5-issue09 Pp.822-828</t>
  </si>
  <si>
    <t>Experimental Investgation of natural convection in heat transfer in horizontal fins and v finson a blackened plate</t>
  </si>
  <si>
    <t>Mr.S.A.Wani Mr.A.J.Pawar Mr.D.K.Patil</t>
  </si>
  <si>
    <t>Vishwkarma Journal of Engineering Research Volume1-Issue3,Pp.259-266</t>
  </si>
  <si>
    <t>ISSN 2456-8465</t>
  </si>
  <si>
    <t>Review Paper on Design and developement of Aqua Slilencer</t>
  </si>
  <si>
    <t>Mr.P.V.Kadam Mr.N.V.Hargude</t>
  </si>
  <si>
    <t>International Research Journal of Engineering and Technology</t>
  </si>
  <si>
    <t>ISSN2395-0056</t>
  </si>
  <si>
    <t>Experimental Analysis of Connecting rod for Weight reduction</t>
  </si>
  <si>
    <t>Mr.N.D.Patil Mr.P.P.Awate Mr.S.P.Shinde</t>
  </si>
  <si>
    <t>Imperical Journal of Interdiciplinory research Volume3-Issue3,Pp.936-938</t>
  </si>
  <si>
    <t>ISSN2454-1362</t>
  </si>
  <si>
    <t>Experimental and Analysis of Connection rod optimization for weight reduction</t>
  </si>
  <si>
    <t>Mr.N.D.Patil Mrs.S.P.Shinde Mr.P.P.Awate.</t>
  </si>
  <si>
    <t>International Journal of science Technology and Engineering,Volume4-Issue4,Oct2017,Pp.4-7</t>
  </si>
  <si>
    <t>Experimental Invsitigation of Natural Covection Heat Transfer in inline and staggered dimpled plates</t>
  </si>
  <si>
    <t>Mr.C.G.Harge Mr.S.A.Wani</t>
  </si>
  <si>
    <t>International Journal of Scientific Research Developement,Volume5-Issue10-2017,Pp.821-827</t>
  </si>
  <si>
    <t>Experimental Invistigation of Triangular duct with artificial roughness</t>
  </si>
  <si>
    <t>Mr.S.R.Patil Mr.S.P.Mane</t>
  </si>
  <si>
    <t>International Journal for Scientific Reserach and Developement,Volume5-Issue10</t>
  </si>
  <si>
    <t>Finite Element Analysis of variable load acting worm gear drive</t>
  </si>
  <si>
    <t>International Resrearch Journal of Engineering and Technology,Volume05-Issue03,March 2018,Pp.1-4</t>
  </si>
  <si>
    <t>A review on lifting and assembly of rotary kiln tyre with shell by flexible gripper</t>
  </si>
  <si>
    <t>Mr.C.G.Harge Mr.R.R.Patil MrNikhil Ambole Mr.S.S.Awati</t>
  </si>
  <si>
    <t>Journal for research,volume4-issue1,</t>
  </si>
  <si>
    <t>ISSN2395-7549</t>
  </si>
  <si>
    <t>Significance of the validation of Design Failure mode effect analysis-A review</t>
  </si>
  <si>
    <t>Mr.A.P.Shrotri Mr.A.R.Dandekar</t>
  </si>
  <si>
    <t>International Journal of Advanced Reserach in Science and Engineering,Volme07-Special Issue no3,Pp.728-735</t>
  </si>
  <si>
    <t>Research paper on Aqa scielencer</t>
  </si>
  <si>
    <t>International Research Journal of Engineering and Technology,Volume05-Issue04</t>
  </si>
  <si>
    <t>Prof B.S. Patil</t>
  </si>
  <si>
    <t>IT</t>
  </si>
  <si>
    <t>ijirt.org/master/publishedpaper/IJIRT146560_PAPER.pdf</t>
  </si>
  <si>
    <t>Disaster Detection Plan in Distributed System, in an International Journal</t>
  </si>
  <si>
    <t>IJCET</t>
  </si>
  <si>
    <t>Jan-Feb 2016</t>
  </si>
  <si>
    <t>ISSN(Print):0976-6367 ISSN(Online):0976-6375                  IF: 9.3590</t>
  </si>
  <si>
    <t>https://archive.org/stream/Httpiaeme...07_01...pdf/IJCET_07_01_011_djvu.txt</t>
  </si>
  <si>
    <t>Novel Method to improve ACO Performance on the GPU using CUDA for Nurse Roster Scheduling Problem</t>
  </si>
  <si>
    <t>IJARCCE</t>
  </si>
  <si>
    <t>ISSN(Online):2278-1021       ISSN(Print):2319-5940 DOI:10.17148/IJARCCE.2016.53262ISSN(Print):2319-5940 IF: 5.332</t>
  </si>
  <si>
    <t>https://www.researchgate.net/.../312372026_Novel_Method_to_Improve_ACO_Perform...</t>
  </si>
  <si>
    <t>Secured Hadoop as A Service Based on Infrastructure Cloud Computing Environment</t>
  </si>
  <si>
    <t>ISSN(Online):2278-1021 ISSN(Print):2319-5940 DOI10.17148/IJARCCE.2016.53262 IF: 5.332</t>
  </si>
  <si>
    <t>https://www.ijarcce.com/upload/2016/march-16/IJARCCE%20261.pdf</t>
  </si>
  <si>
    <t>Workload Analysis Security aspects &amp; optimization of workload in Hadoop clusters</t>
  </si>
  <si>
    <t>ISSN0976-6367</t>
  </si>
  <si>
    <t>www.iaeme.com/.../WORKLOAD%20ANALYSIS%20SECURITY%20ASPECTS%20...</t>
  </si>
  <si>
    <t>Modified AODV protocol to prevent MANET against black hole attack and its performance Analysis</t>
  </si>
  <si>
    <t>IJASTR</t>
  </si>
  <si>
    <t>ISSN: 2249-9954</t>
  </si>
  <si>
    <t>http://www.rspublication.com/ijst/index.html</t>
  </si>
  <si>
    <t>Securing MANET Against insider Attack-A black hole attack and its performance analysis</t>
  </si>
  <si>
    <t>4 July-Aug 2013</t>
  </si>
  <si>
    <t>ISSN: 2250-1797</t>
  </si>
  <si>
    <t>https://rspublication.com/ijca/2013/aug13/7.pdf</t>
  </si>
  <si>
    <t>Real time face recognition system using Eigen faces.</t>
  </si>
  <si>
    <t>IJECET</t>
  </si>
  <si>
    <t>March April-2013</t>
  </si>
  <si>
    <t>ISSN(Print):0976- 6464  ISSN(Online):0976-6472IF(2012): 5.8896</t>
  </si>
  <si>
    <t>https://www.slideshare.net/.../real-time-face-recognition-system-using-eigen-faces-180.</t>
  </si>
  <si>
    <t>Real time face recognition by varying number of Eigen values.</t>
  </si>
  <si>
    <t>IJAST</t>
  </si>
  <si>
    <t>ISSN 2249-9954,h-index 6.2</t>
  </si>
  <si>
    <t>Disaster Detection Plan in Distributed System</t>
  </si>
  <si>
    <t>Mrs. D. D. Dhokate</t>
  </si>
  <si>
    <t>ISSN(Print):0976-6367 ISSN(Online):0976-6375                      IF: 9.3590</t>
  </si>
  <si>
    <t>Data hiding with multiple data usage</t>
  </si>
  <si>
    <t xml:space="preserve">ISSN (Online):2278-1021
ISSN(Print):23196-5940
DOI10.17148/IJRCCE.2015.4746
IF: 4.582
</t>
  </si>
  <si>
    <t>Securing many to many Wireless Sensor Networks with unique dynamic Key</t>
  </si>
  <si>
    <t>IJMTER</t>
  </si>
  <si>
    <t>ISSN:2349-9745 ,ISSN:2393-8161</t>
  </si>
  <si>
    <t>Implementation of PadSteg: A new Steganography method</t>
  </si>
  <si>
    <t>IJIET</t>
  </si>
  <si>
    <t>ISSN:2319-1058</t>
  </si>
  <si>
    <t>An Innovative Watermarking Scheme for Digital Image Authentication with Common Image Processing</t>
  </si>
  <si>
    <t>IJERT</t>
  </si>
  <si>
    <t>ISSN:2278-0181</t>
  </si>
  <si>
    <t>A Technique to Improve AODV Performance by Modifying QOS</t>
  </si>
  <si>
    <t>Interpretation of user intention via textual and visual resemblance</t>
  </si>
  <si>
    <t>Ms. C. J. Pawar</t>
  </si>
  <si>
    <t>http://toc.proceedings.com/20994webtoc.pdf</t>
  </si>
  <si>
    <t xml:space="preserve">A Technique  Approaching  
for Catching User Intention
 with Textual and Visual Correspondence
</t>
  </si>
  <si>
    <t>IJIRCST</t>
  </si>
  <si>
    <t>ISSN: 2347-5552</t>
  </si>
  <si>
    <t>Context-Aware Video Annotation Using Linked Data and Search Educational Video Resources for Supporting Distance Learning</t>
  </si>
  <si>
    <t>Mr.Phalle P.V.</t>
  </si>
  <si>
    <t>IJARET</t>
  </si>
  <si>
    <t>April - June 2016</t>
  </si>
  <si>
    <t>ISSN(Online):2394-2975,ISSN(Print):2394-6814</t>
  </si>
  <si>
    <t>http://ijaret.com/wp-content/themes/felicity/issues/vol3issue2/prasad.pdf</t>
  </si>
  <si>
    <t>Mr. Patil A.U.</t>
  </si>
  <si>
    <t>http://ijirt.org/master/publishedpaper/IJIRT146560_PAPER.pdf</t>
  </si>
  <si>
    <t>Issue 1 | ISSN: 2349-6002</t>
  </si>
  <si>
    <t>http://ijirt.org/master/publishedpaper/IJIRT146558_PAPER.pdf</t>
  </si>
  <si>
    <t>ISSN (Online) 2278-1021. ISSN (Print) 2319-5940</t>
  </si>
  <si>
    <t>https://www.ijarcce.com/upload/2016/march-16/IJARCCE%20262.pdf</t>
  </si>
  <si>
    <t>Paper published  Next Generation Commercial and Open Source Cloud based  E learning Systems in International Research Journal of Engineering and Technology (IRJET)</t>
  </si>
  <si>
    <t>https://www.irjet.net/archives/V3/i5/IRJET-V3I5640.pdf</t>
  </si>
  <si>
    <t>Paper published on SECURED HADOOP AS A SERVICE BASED ON INFRASTRUCTURE CLOUD COMPUTING ENVIRONMENT.</t>
  </si>
  <si>
    <t>ISSN (Online) 2278-1021 ISSN (Print) 2319-5940</t>
  </si>
  <si>
    <t>Workload Analysis, Security Aspects and Optimization Of Workload In Hadoop Clusters</t>
  </si>
  <si>
    <t>IAEME-IJCET</t>
  </si>
  <si>
    <t>ISSN Print:    0976 – 6367 ISSN Online:   0976 – 6375.Volume 6 Issue 3</t>
  </si>
  <si>
    <t>http://www.iaeme.com/MasterAdmin/UploadFolder/WORKLOAD%20ANALYSIS%20SECURITY%20ASPECTS%20AND%20OPTIMIZATION%20OF%20WORKLOAD%20IN%20HADOOP%20CLUSTERS/WORKLOAD%20ANALYSIS%20SECURITY%20ASPECTS%20AND%20OPTIMIZATION%20OF%20WORKLOAD%20IN%20HADOOP%20CLUSTERS.pdf</t>
  </si>
  <si>
    <t>A Novel Approach for Workload Optimization and Improving Security in Cloud Computing Environments</t>
  </si>
  <si>
    <t>IOSR-JCE</t>
  </si>
  <si>
    <t>Jan – Feb. 2015</t>
  </si>
  <si>
    <t>e-ISSN: 2278-0661,p-ISSN: 2278-8727, Volume 17, Issue 1, Ver. V</t>
  </si>
  <si>
    <t>Randomize Dissemination path for Secure data Transmission in Mobile Ad-hoc network</t>
  </si>
  <si>
    <t>ISSN-2347-5552</t>
  </si>
  <si>
    <t>Paper Presented in IOSR-JCE international Journals “Comparative Analysis, Security Aspects &amp;Optimization of Workload in GFS Based Map Reduce Framework in Cloud System”</t>
  </si>
  <si>
    <t>e-ISSN: 2278-0661,p-ISSN: 2278-8727, Volume 17, Issue 1, Ver. IV</t>
  </si>
  <si>
    <t>International Journal of Advanced Research in Computer and Communication Engineering (IJARCCE)” on topic “Recent Job Scheduling Algorithms in Hadoop Cluster Environments: A Survey</t>
  </si>
  <si>
    <t>ISSN (Online) : 2278-1021.ISSN (Print) : 2319-5940.Vol. 4, Issue 2,</t>
  </si>
  <si>
    <t>Paper published in International Journal of Advanced Research in Computer Science and Software Engineering (IJARCSSE).A study of Routing Protocols in Mobile Ad-hoc network for security consideration.</t>
  </si>
  <si>
    <t>ISSN:2277-128x.Volume 5,Issue</t>
  </si>
  <si>
    <t>Paper Presented in IJIRAE international Journals on Improving Utilization of Infrastructure clouds using Upgraded functionalities</t>
  </si>
  <si>
    <t>IJIRAE</t>
  </si>
  <si>
    <t>ISSN: 2349-2163.Volume 1 Issue 7</t>
  </si>
  <si>
    <t>Towards Differential Query Services in Taken a toll Efficient Clouds</t>
  </si>
  <si>
    <t xml:space="preserve"> Mrs.Patil L.V.</t>
  </si>
  <si>
    <t>ISSN 2321-8169IF: 5.837</t>
  </si>
  <si>
    <t>Permission based mobile malware detection system using machine learning techniques</t>
  </si>
  <si>
    <t>Mrs.Khade M.A.</t>
  </si>
  <si>
    <t>ISSN 2321-8169 ,IF: 5.837</t>
  </si>
  <si>
    <t>https://ijritcc.com/index.php/ijritcc/article/view/5013</t>
  </si>
  <si>
    <t>Permission based android malware detection system using machine learning approach</t>
  </si>
  <si>
    <t>IJCSIS</t>
  </si>
  <si>
    <t>ISSN: 1947-5500</t>
  </si>
  <si>
    <t>https://s3.amazonaws.com/academia.edu.documents/47346254/61_Paper_310516183_IJCSIS_Camera_Ready_A_465-470.pdf?AWSAccessKeyId=AKIAIWOWYYGZ2Y53UL3A&amp;Expires=1543382918&amp;Signature=mElSGYfIjtJ2jRADgiizbuyKlE8%3D&amp;response-content-disposition=inline%3B%20filename%3DPermission_Based_Android_Malware_Detecti.pdf</t>
  </si>
  <si>
    <t>‘An Efficient and Cost Effective Public bus Transportation Timetabling Routing and Driver Duty Scheduling using MATLAB’</t>
  </si>
  <si>
    <t>Mr. Patil S.D.</t>
  </si>
  <si>
    <t>IJRET</t>
  </si>
  <si>
    <t>eISSN:2319-1163</t>
  </si>
  <si>
    <t>https://ijret.org/volumes/2016v05/i03/IJRET20160503048.pdf</t>
  </si>
  <si>
    <t>Design of Robust Method for Increasing Security by Combining Cryptography, Steganography and Watermarking’ International Journal of Innovative Research in technology</t>
  </si>
  <si>
    <t>http://ijirt.org/master/publishedpaper/IJIRT145129_PAPER.pdf</t>
  </si>
  <si>
    <t>Peak to Average Power Ratio Reduction Techniques for 5G</t>
  </si>
  <si>
    <t>Ms. A.S. Bhandare</t>
  </si>
  <si>
    <t>International Journal of Innovative Research in Science, Engineering and Technology, Issue 10, Vol. 7, Impact Factor7.089) with I10 index</t>
  </si>
  <si>
    <t>ISSN (Online)   : 2319 – 8753  , ISSN (Print)  : 2347 - 6710</t>
  </si>
  <si>
    <t>https://www.ijirset.com/upload/2018/october/28_Peak.pdf</t>
  </si>
  <si>
    <t>Improvement in Image Stenography by LSB Inversion method –A case study</t>
  </si>
  <si>
    <t>International Journal  Of innovative Research in Technology Issue 7, Volume 4</t>
  </si>
  <si>
    <t>http://ijirt.org/Article?manuscript=145115</t>
  </si>
  <si>
    <t>Wireless Fingerprint based Attendance system using ZigBee Technology</t>
  </si>
  <si>
    <t>International Journal  Of innovative Research in Technology</t>
  </si>
  <si>
    <t>Securing MANET against Co-operative black hole attack and its performance Analysis – A case study</t>
  </si>
  <si>
    <t>IEEE Xplore , Electronic</t>
  </si>
  <si>
    <t>ISBN :978-1-4799-6892-3</t>
  </si>
  <si>
    <t>https://ieeexplore.ieee.org/document/7155855</t>
  </si>
  <si>
    <t>Securing MANET Against Insider Attack- Black hole and its performance Analysis Attack   its</t>
  </si>
  <si>
    <t>International Conference on Computer Application</t>
  </si>
  <si>
    <t>July-August 2013</t>
  </si>
  <si>
    <t>http://www.rspublication.com/ijca/ijca_index.htm</t>
  </si>
  <si>
    <t>Modified AODV Protocol To Prevent MANET Against Black Hole Attack And  Its Performance Analysis</t>
  </si>
  <si>
    <t>International                        Journal of Advanced Scientific and Technical Research” (Impact Factor 6.2)</t>
  </si>
  <si>
    <t>July-Aug 2013</t>
  </si>
  <si>
    <t>Study of Protocols(AODV, DSR) of MANET &amp; Black hole attack in AODV</t>
  </si>
  <si>
    <t>IOSR Journal of Electronics &amp; Communication Engineering</t>
  </si>
  <si>
    <t>http://www.iosrjournals.org/iosr-jece/papers/sicete-volume3/38.pdf</t>
  </si>
  <si>
    <t>Novel method to improve ACO performance on the gpu using CUDA for nurse roster scheduling problem</t>
  </si>
  <si>
    <t>Mr. Pande A.P.</t>
  </si>
  <si>
    <t>ISSN(Online):2278-1021 ,ISSN(Print):2319-5940,DOI 10.17148/IJARCCE.2016.53262</t>
  </si>
  <si>
    <t>ISSN(Online):2278-1021 ,ISSN(Print):2319-5940</t>
  </si>
  <si>
    <t>Next Generation Commercial and Open Source Cloud based E learning Systems</t>
  </si>
  <si>
    <t>ISSN(Online):2395-0056 , ISSN(Print):2395-0072, IF: 4.45</t>
  </si>
  <si>
    <t>A Novel Method For Filtering Unwanted Messages From OSN User Walls</t>
  </si>
  <si>
    <t>Mr. Navale S.A.</t>
  </si>
  <si>
    <t>QRS Complex Detection In ECG Signal</t>
  </si>
  <si>
    <t>Mobility Based Clustering</t>
  </si>
  <si>
    <t>IJIERE</t>
  </si>
  <si>
    <t>March-2016 .</t>
  </si>
  <si>
    <t>ISSN(Online):2394-3343 ,IF: 3.47 ,ISSN(Print):2394-5494</t>
  </si>
  <si>
    <t>A Survey on Measureable Density Prediction in Traffic Networks</t>
  </si>
  <si>
    <t>IJIRCCE</t>
  </si>
  <si>
    <t>ISSN(Online) 2320-9801,ISSN(Print):2320-9798 ,IF: 5.618</t>
  </si>
  <si>
    <t>Urban processing with taxis</t>
  </si>
  <si>
    <t>ISSN(Online):2394-3343 ,ISSN(Print):2394-5494 ,</t>
  </si>
  <si>
    <t>Density Based Clustering in Spatial Databases</t>
  </si>
  <si>
    <t>A novel method for acquisition of crowdedness in city using  mobility clustering</t>
  </si>
  <si>
    <t>ISSN 2321-8169 , IF: 5.098</t>
  </si>
  <si>
    <t>Crowdedness spot acquisition using mobility based clustering</t>
  </si>
  <si>
    <t>IJSR</t>
  </si>
  <si>
    <t>ISSN(Online):2319-7064 , IF: 4.438</t>
  </si>
  <si>
    <t>Survey: Search combining keyword over  relational database</t>
  </si>
  <si>
    <t>Mr. Shinde V.J.</t>
  </si>
  <si>
    <t>IJSER</t>
  </si>
  <si>
    <t>Oct. 2015</t>
  </si>
  <si>
    <t>ISSN(Online):2437-3878 ,IF:3.05</t>
  </si>
  <si>
    <t>ISSN(Online):2394-3343 , ISSN(Print):2394-5494</t>
  </si>
  <si>
    <t>Mona:Secure multi-owner data sharing for active clusters in the cloud.</t>
  </si>
  <si>
    <t>2014-2015</t>
  </si>
  <si>
    <t>2013-2014</t>
  </si>
  <si>
    <t>2015-2016</t>
  </si>
  <si>
    <t>2016-2017</t>
  </si>
  <si>
    <t>3.3.4 Number of research papers per teachers in the Journals notified on UGC website during the last five years</t>
  </si>
  <si>
    <t>Name of the author/s</t>
  </si>
  <si>
    <t>Department of the teacher</t>
  </si>
  <si>
    <t>Name of journal</t>
  </si>
  <si>
    <t>Degradation Of Vegetable Oil Refinery Wastewater UsingHydrodynamic Cavitation: A Process Intensification Technique</t>
  </si>
  <si>
    <t>Materials Today: Proceedings (A Journal Of Elsevier )</t>
  </si>
  <si>
    <t>Effect Of Feed Temperature And Solution Concentration On Pervaporation For Separation Of Azeotropic Mixtures</t>
  </si>
  <si>
    <t xml:space="preserve">IOSR Journal of Mechanical and Civil Engineering (IOSR-JMCE) Volume X, Issue 2 </t>
  </si>
  <si>
    <t xml:space="preserve">May 14 (2013-14) </t>
  </si>
  <si>
    <t>International Journal of Advanced Engineering Technology (IJAET)  Issue no. 2 Vol-5</t>
  </si>
  <si>
    <t xml:space="preserve">International Journal of Research in Engineering and Technology (IJRET),Volume: 03 Special Issue: 03 | </t>
  </si>
  <si>
    <t>Modeling and Simulation of Methyl Tertiary Butyl Ether (MTBE) Reactive Distillation column using ASPEN PLUS</t>
  </si>
  <si>
    <t>10.1080/19443994.2014.967727</t>
  </si>
  <si>
    <t>Desalination and Water Treatment</t>
  </si>
  <si>
    <t>International journal of advanced engineering and technology (IJAET) Issue no. Vol-5</t>
  </si>
  <si>
    <t>International Journal of Advancement in Engineering, Technology, Management and Applied Science (IJATES)  Vol-2 issue-1</t>
  </si>
  <si>
    <t xml:space="preserve">International Journal of Engineering Research and Technology. Vol.-2 Issue 4 </t>
  </si>
  <si>
    <t>International Journal for Research in Applied Science &amp; Engineering Technology (IJRASET)  Vol. 05, Issue:07.</t>
  </si>
  <si>
    <t xml:space="preserve">Mr. Kakamare M.S., Mr. M.B. Pendhari </t>
  </si>
  <si>
    <t>International Journal for Research in Applied Science &amp; Engineering Technology (IJRASET) Vol. 05, Issue:07.</t>
  </si>
  <si>
    <t>Mr. Kakamare M.S., Mr. M.B. Pendhari</t>
  </si>
  <si>
    <t xml:space="preserve">Imperial journal of Interdisciplinary research  Vol.3,  Issue-8, </t>
  </si>
  <si>
    <t xml:space="preserve">Mr. Kakamare M.S.,  Mr. M.B. Pendhari </t>
  </si>
  <si>
    <t xml:space="preserve">Imperial journal of Interdisciplinary research IJIR. Vol.3,  Issue-8, </t>
  </si>
  <si>
    <t>Mr. N. P. Phadatare ,Mr. M.B. Pendhari</t>
  </si>
  <si>
    <t xml:space="preserve">International Journal of innovative research in technology. (IJIRT ) Vol.4, Issue 7, </t>
  </si>
  <si>
    <t xml:space="preserve">IJIRT Vol.4, Issue 6, </t>
  </si>
  <si>
    <t>Experimental Study of Flexure on Ferrocement Slabs Along with Ribs.</t>
  </si>
  <si>
    <t xml:space="preserve">International journal of advance research in science and engineering.Vol. 06, Issue: 12, </t>
  </si>
  <si>
    <t xml:space="preserve">IJIRT Vol.4,  Issue 7, </t>
  </si>
  <si>
    <t>IREJ.Vol. 1, Issue. 07.</t>
  </si>
  <si>
    <t>e-ISSN: 2395-0056    p-ISSN: 2395-0072</t>
  </si>
  <si>
    <t>e-ISSN 2395-0056      p-ISSN: 2395-0072</t>
  </si>
  <si>
    <t xml:space="preserve">International Research Journal of Engineering and Technology (IRJET) Volume: 05 Issue: 06 </t>
  </si>
  <si>
    <t>Position Verification and Identification of Primary User Emulation (PUE) Attack in Cognitive Radio Network    (UGC Approved Journal)</t>
  </si>
  <si>
    <t xml:space="preserve"> Removal of Ocular artifacts from multichannel EEG signal using Wavelet enhanced ICA IEEE</t>
  </si>
  <si>
    <t>Electronic ISBN: 978-1-5386-1887-5             Print on Demand (PoD) ISBN: 978-1-5386-1888-2</t>
  </si>
  <si>
    <t xml:space="preserve">Removing Jaw clench, teeth squeeze and forehead movement EMG artifacts from EEG signal using dynamic size segmentation and multilevel decomposed wavelet with adaptive thresholding (Web of Science)  (UGC Approved Journal)  </t>
  </si>
  <si>
    <t>Print ISSN : 0974-6846 Online ISSN : 0974-5645    http://dx.doi.org/10.17485/ijst%2F2017%2Fv10i29%2F115354</t>
  </si>
  <si>
    <t>ISSN 2230-9659</t>
  </si>
  <si>
    <t>S N PATIL/GURAV GAYATRI V</t>
  </si>
  <si>
    <t>IRJET volume2(3):220-223 with impact factor 2.582</t>
  </si>
  <si>
    <t>(0975 –8887) Volume 133 –No.5, January 2016</t>
  </si>
  <si>
    <t>Open AccessIJMER | ISSN: 2249–6645 | www.ijmer.com | Vol. 6 | Iss. 3 | March 2016 | 51 |</t>
  </si>
  <si>
    <t>International Journal of innovative Research in computer and communication engineering.volume-3,Issue-4.</t>
  </si>
  <si>
    <t>ISSN(online):2320-9801, ISSN(print):2320-9798</t>
  </si>
  <si>
    <t>Ms.S.S.Desai.</t>
  </si>
  <si>
    <t>Production of Bio-Diesel using Ultrasonic Cavitation Reactor</t>
  </si>
  <si>
    <t>Parametric studies of methyl esters synthesis from Thumba seed oil using heterogeneouscatalyst under conventional stirring and ultrasonic cavitation</t>
  </si>
  <si>
    <t>Materials Science for Energy Technologies(A Journal Of Elsevier )</t>
  </si>
  <si>
    <t>Parametric studies of methyl esters synthesis from Thumba seed oil using heterogeneous catalyst under conventional stirring and ultrasonic cavitation</t>
  </si>
  <si>
    <t>Dr. D. N. Shinde, Mrs. Y.M. Pudale.</t>
  </si>
  <si>
    <t>A  review on, “Experimental Analysis of  Deep beam by using BFRP and Bamboo as reinforcement ”</t>
  </si>
  <si>
    <t>e-ISSN: 2395-0056,   p-ISSN: 2395-0072</t>
  </si>
  <si>
    <t xml:space="preserve">S N PATIL/F H THAKKAR      </t>
  </si>
  <si>
    <t>Removal of EMG Artifacts from Multichannel EEG Signal Using Automatic Dynamic Segmentation and Adaptive Thresholding with Multilevel Decomposed Wavelets’(UGC Approved Journal)</t>
  </si>
  <si>
    <t>Vol.-3, Issue-3, 2017</t>
  </si>
  <si>
    <t>A GSM based weather monitoring system working onsolar energy</t>
  </si>
  <si>
    <t>Imperial Journal of Interdisciplinary Research (IJIR)Vol-3, Issue-4, 2017</t>
  </si>
  <si>
    <t xml:space="preserve">Advances in Computational Sciences and Volume 10, Number 5 (2017) pp. 839-845 Technology </t>
  </si>
  <si>
    <t>ISSN-2278-0661 ISSN(P)2278-8727 Volume 2319-8753</t>
  </si>
  <si>
    <t>https://scholar.google.co.in/citations?user=wdpMcp4AAAAJ&amp;hl=en</t>
  </si>
  <si>
    <t>“Novel Water Treatment And Separation Methods”, Apple Academic Press, Canada</t>
  </si>
  <si>
    <t xml:space="preserve">Development of Spatio-Temporal Digital Video Stabilization by Global Motion Estimation </t>
  </si>
  <si>
    <t xml:space="preserve">Flow and Temperature Control for an Innovative Hypothermic Intraperitoneal Chemotherapy </t>
  </si>
  <si>
    <t xml:space="preserve">S N PATIL/             BINALE D B  </t>
  </si>
  <si>
    <t xml:space="preserve">S N PATIL/             KOLE P S   </t>
  </si>
  <si>
    <t xml:space="preserve">S N PATIL/                BIRNALE D B      </t>
  </si>
  <si>
    <t>S N PATIL/                          P G PATIL</t>
  </si>
  <si>
    <t>S N PATIL/                   PAWAL TRUPTI</t>
  </si>
  <si>
    <t>S N PATIL/                          N R PATIL</t>
  </si>
  <si>
    <t>S N PATIL/                             F H THAKKAR</t>
  </si>
  <si>
    <t xml:space="preserve">S N PATIL/                  DEOKAR MAYA   </t>
  </si>
  <si>
    <t>S N PATIL                  /GURAV GAYATRI</t>
  </si>
  <si>
    <t xml:space="preserve">S N PATIL/                  BINALE D B  </t>
  </si>
  <si>
    <t xml:space="preserve">http://www.ijirae.com/volumes/vol1/issue7/AUCS10082.01.pdf </t>
  </si>
  <si>
    <t xml:space="preserve">http://www.ijirt.org/master/publishedpaper/IJIRT101730_PAPER.pdf </t>
  </si>
  <si>
    <t xml:space="preserve">http://ijarcsse.com/Before_August_2017/docs/papers/Volume_5/3_March2015/V5I3-0104.pdf </t>
  </si>
  <si>
    <t xml:space="preserve">https://ijarcce.com/wp-content/uploads/2015/03/IJARCCE2K.pdf </t>
  </si>
  <si>
    <t xml:space="preserve">http://www.iosrjournals.org/iosr-jce/papers/Vol17-issue1/Version-4/H017144148.pdf </t>
  </si>
  <si>
    <t xml:space="preserve">http://www.ijircst.org/DOC/29_IRP287e8bd14ac-6c92-4faf-b6ba-8086500cccf7.pdf </t>
  </si>
  <si>
    <t xml:space="preserve">http://www.iosrjournals.org/iosr-jce/papers/Vol17-issue2/Version-1/D017212027.pdf </t>
  </si>
  <si>
    <t xml:space="preserve">Mona:Secure multi-owner data sharing for active clusters in the cloud. </t>
  </si>
  <si>
    <t>Materials Science for Energy Technologies (A Journal Of Elsevier )</t>
  </si>
  <si>
    <t>Mr. A. C. Dubal,           Dr. D. N. Shinde</t>
  </si>
  <si>
    <t>Dr. D. N. Shinde,       Miss. Nair V. V          Mrs. Y. M. Pudale</t>
  </si>
  <si>
    <t>Dr. D. N. Shinde,        Miss. Y. M. Pudale     Miss. Nair V. V.</t>
  </si>
  <si>
    <t>https://scholar.google.co.in/citations?user=22JI2mAAAAAJ&amp;hl=en</t>
  </si>
  <si>
    <t>https://scholar.google.com/citations?hl=en&amp;user=ff691OwAAAAJ</t>
  </si>
  <si>
    <t>www.trp.org,in</t>
  </si>
  <si>
    <t>www.ijsrd.com</t>
  </si>
  <si>
    <t>https://link.springer.com/chapter/10.1007/978-3-319-53556-2-14</t>
  </si>
  <si>
    <t>www.ijrsd.com</t>
  </si>
  <si>
    <t>www.vjer.in</t>
  </si>
  <si>
    <t>www.onlinejournal.in</t>
  </si>
  <si>
    <t>www.ijste.org</t>
  </si>
  <si>
    <t>www.ijret.com</t>
  </si>
  <si>
    <t>www.ijarse.com</t>
  </si>
  <si>
    <t>www.ijedr.org</t>
  </si>
  <si>
    <t>www.ijea.com</t>
  </si>
  <si>
    <t>http://ijirse.com/wp-content/upload/2016/02/2068ijirse.pdf</t>
  </si>
  <si>
    <t>www.ijirset.com</t>
  </si>
  <si>
    <t>www.arcjournals.org</t>
  </si>
  <si>
    <t>www.ijseries.com</t>
  </si>
  <si>
    <t>http://dx.doi.org./10.20431/2454-9711.0201005</t>
  </si>
  <si>
    <t>www.ijaestonline.com</t>
  </si>
  <si>
    <t>www.ipasj.org</t>
  </si>
  <si>
    <t>Experimental study of heat transfer parameters serrated plate fin heat exchanger for different materials</t>
  </si>
  <si>
    <t>Analysis of Natural Convection Around Radial Heat Sink:A Review</t>
  </si>
  <si>
    <t>Prof. V.L. Karade Mr.S.S.Sutar</t>
  </si>
  <si>
    <t>Prof. V.L. KaradeProf. S.S. Sutar</t>
  </si>
  <si>
    <t>Experimental Investigation of a Spark Ignited Engine Using Magnetic Air Conditioner (MAC) for Improved Performance and Reduced Emissions</t>
  </si>
  <si>
    <t>https://proceedings.asmedigitalcollection.asme.org/proceeding.aspx?articleid=2602311</t>
  </si>
  <si>
    <t>ASME 2016 International Mechanical Engineering Congress and Exposition</t>
  </si>
  <si>
    <t>2016-11</t>
  </si>
  <si>
    <t>www.ijtel.org</t>
  </si>
  <si>
    <t>www.ijret.org</t>
  </si>
  <si>
    <t>www.ijsr.net</t>
  </si>
  <si>
    <t>http://www.iaeme.com.</t>
  </si>
  <si>
    <t>http://www.ijetae.com/files/Volume4Issue5/IJETAE_0514_137.pdf</t>
  </si>
  <si>
    <t>www.ijesrt.com</t>
  </si>
  <si>
    <t>http://www.ijse.org./content.php</t>
  </si>
  <si>
    <t>www.ijair.ictjournals.com</t>
  </si>
  <si>
    <t>www.ijeijournal.com</t>
  </si>
  <si>
    <t>www.ijert.org</t>
  </si>
  <si>
    <t>www.ijera.com</t>
  </si>
  <si>
    <t>www.ijaiem.org</t>
  </si>
  <si>
    <t>www.jetir.org</t>
  </si>
  <si>
    <t>www.ijtarme.com</t>
  </si>
  <si>
    <t>http://www.ascent-journals.com/IJERIA/Vol7No4/4.%20Mahesh%20Gavali-138.pdf</t>
  </si>
  <si>
    <t>http://www.advanceresearchlibrary.com/vol3ijea7.aspx</t>
  </si>
  <si>
    <t>http://www.ijsr.net/</t>
  </si>
  <si>
    <t>www.ijsret.org</t>
  </si>
  <si>
    <t>http://theglobaljournals.com/ijsr/</t>
  </si>
  <si>
    <t>http://www.ijtel.org/</t>
  </si>
  <si>
    <t>http://www.technicaljournalsonline.com/</t>
  </si>
  <si>
    <t>www.ijsrms.com</t>
  </si>
  <si>
    <t>http://www.iaeme.com/</t>
  </si>
  <si>
    <t>Prof N.V.Hargude Miss.A.P.Lad</t>
  </si>
  <si>
    <t>2394-1707</t>
  </si>
  <si>
    <t>https://scholar.google.co.in/citations?user=LsvQ88EAAAAJ&amp;hl=en</t>
  </si>
  <si>
    <t>https://scholar.google.co.in/citations?user=jsIcme0AAAAJ&amp;hl=en</t>
  </si>
  <si>
    <t>https://scholar.google.com/citations?user=y_oHPIkAAAAJ</t>
  </si>
  <si>
    <t>https://scholar.google.com/citations?user=cU1fcMMAAAAJ&amp;hl=en</t>
  </si>
  <si>
    <t xml:space="preserve">Civil </t>
  </si>
  <si>
    <t>RS Publicatins</t>
  </si>
  <si>
    <t xml:space="preserve">Paper Published on A Survey Paper on Different Wireless Sensor Simulation in International Journal of Innovative Research in Technology (IJIRT)Tools
</t>
  </si>
  <si>
    <t>https://scholar.google.com/citations?user=4gORtCAAAAAJ&amp;hl=en</t>
  </si>
  <si>
    <t>https://scholar.google.co.in/citations?hl=en&amp;user=gOI6XjkAAAAJ&amp;gmla=AJsN-F64XMGvBBo6iT8jTJz4NGQ8wbVAC6Xk7l8t2z57-YF-fhrFMzDwp0pXBLyIgzztl3ysxiJuBlfNBP_e3DTd3IqP8mrNvd_TzXVXRW-3mIL6We2eNjQ&amp;sciund=17487642582817520468</t>
  </si>
  <si>
    <t>https://scholar.google.com/citations?user=DoSrQKsoFloC&amp;hl=en</t>
  </si>
  <si>
    <t>https://scholar.google.co.in/citations?view_op=list_works&amp;hl=en&amp;user=j_AQ0f0AAAAJ&amp;gmla=AJsN-F5zPtgtDn-qnfZFjatEBJCwbNfZibbz6eolHVl0sAIdq_6vKZ1v7P3FSQ-iQhiaB1oqdCaupx3Q06xZhpZMByoL8CJK1mFye1tNqt26kHRvnoY33v8&amp;sciund=15656036771042146494&amp;gmla=AJsN-F6v7BiBOUkjpenhCr8QABikDnspB-lRL9e5uvVO2mXrvlzpTR7gO8qavxqcfbou3Dfa9pb-q4yTkxzCn5SDxzC7cT4-hAyvNNuAhLgjcAwIjJLxv24&amp;sciund=15258926140392282104</t>
  </si>
  <si>
    <t>https://www.ijates.com/images/short_pdf/1412188921_349.pdf</t>
  </si>
  <si>
    <t>Dr. D. N. Shinde Y.M.Pudale</t>
  </si>
  <si>
    <t>ISSN 2319-1163 pISSN: 2321-7308</t>
  </si>
  <si>
    <t>https://scholar.google.co.in/citations?user=hpnV0TIAAAAJ&amp;hl=en</t>
  </si>
  <si>
    <t>https://scholar.google.co.in/citations?user=iJLxwDUAAAAJ&amp;hl=en</t>
  </si>
  <si>
    <t>Mr. S. V.Phakade</t>
  </si>
  <si>
    <t>https://scholar.google.co.in/citations?user=iEyekHkAAAAJ&amp;hl=en</t>
  </si>
  <si>
    <t>http://ijesc.org/upload/0023b74614254303154537a3acfa53e6.Flow%20and%20Temperature%20Control%20for%20an%20Innovative%20Hyperthermic%20Intraperitoneal%20Chemotherapy.pdf</t>
  </si>
  <si>
    <t>https://scholar.google.co.in/citations?user=7mBojZwAAAAJ&amp;hl=en</t>
  </si>
  <si>
    <t>https://www.researchgate.net/.../312372026_Novel_Method_to_Improve_ACO_Perform…</t>
  </si>
  <si>
    <t>www.scribd.com/document/337053341/QRS-Complex-Detection-in-ECG-Signal</t>
  </si>
  <si>
    <t>https://ijritcc.com/index.php/ijritcc/article/view/1717/1717</t>
  </si>
  <si>
    <t>http://www.ijiere.com/FinalPaper/FinalPaperMobility%20Baseb%20Clustering170644.pdf</t>
  </si>
  <si>
    <t>http://www.ijircce.com/upload/2016/march/58_A%20SURVEY.pdf</t>
  </si>
  <si>
    <t>http://www.ijiere.com/FinalPaper/FinalPaperUrban%20Processing%20with%20Taxis170363.pdf</t>
  </si>
  <si>
    <t>https://ijritcc.com/index.php/ijritcc/article/view/4615/4615</t>
  </si>
  <si>
    <t>http://www.ijirt.org/master/publishedpaper/IJIRT101703_PAPER.pdf</t>
  </si>
  <si>
    <t>https://www.ijsr.net/archive/v4i1/SUB141151.pdf</t>
  </si>
  <si>
    <t>https://www.researchgate.net/profile/Dhanashri_Dhokate/publication/298188546_Data_Hiding_With_Multiple_Network_Protocol_Usage/links/56e69aa608aedb4cc8af63d7.pdf</t>
  </si>
  <si>
    <t>http://www.iaeme.com/MasterAdmin/Journal_uploads/IJCET/VOLUME_7_ISSUE_1/IJCET_07_01_011.pdf</t>
  </si>
  <si>
    <t>https://www.slideshare.net/ijmter/securing-manyto-many-wireless-sensor-networks-with-unique-dynamic-key</t>
  </si>
  <si>
    <t xml:space="preserve">https://www.ijert.org/research/an-innovative-watermarking-scheme-for-digital-image-authentication-with-common-image-processing-IJERTV2IS3098.pdf </t>
  </si>
  <si>
    <t>https://www.researchgate.net/publication/298187278_A_Technique_to_Improve_AODV_Performance_by_Modifying_QOS</t>
  </si>
  <si>
    <t xml:space="preserve">https://www.researchgate.net/profile/Dhanashri_Dhokate/publication/298187358_Implementation_of_PadSteg_A_new_Steganography_method/links/56e698e608aedb4cc8af628c.pdf </t>
  </si>
  <si>
    <t>https://ijritcc.com/index.php/ijritcc/article/view/5112</t>
  </si>
  <si>
    <t> http://www.ijircst.org/DOC/17_IRP231_2c1a0d98e-5838-48c4-9d46-39373b6124c2.pdf</t>
  </si>
  <si>
    <t>https://scholar.google.co.in/citations?user=5FVPLGoAAAAJ&amp;hl=en</t>
  </si>
  <si>
    <t>https://scholar.google.co.in/citations?user=-q7c008AAAAJ&amp;hl=en</t>
  </si>
  <si>
    <t>https://scholar.google.com/citations?user=QtGIUwQAAAAJ&amp;hl=en</t>
  </si>
  <si>
    <t>https://scholar.google.co.in/citations?user=QsUAE10AAAAJ&amp;hl=en</t>
  </si>
  <si>
    <t>https://scholar.google.com/citations?user=iJLxwDUAAAAJ&amp;hl=en</t>
  </si>
  <si>
    <t>https://scholar.google.co.in/citations?hl=en&amp;user=yhHFh70AAAAJ</t>
  </si>
  <si>
    <t>http://www.ijser.inarchivesv3i10IJSER15492.pdf</t>
  </si>
  <si>
    <t>https://www.irjet.net/archives/V4/i10/IRJET-V4I1031.pdf</t>
  </si>
  <si>
    <t>https://scholar.google.co.in/citations?user=6HpN3JgAAAAJ&amp;hl=en</t>
  </si>
  <si>
    <t>http://www.journal4research.org/Article.php?manuscript=J4RV4I1013</t>
  </si>
  <si>
    <t>Mr.V.P.Patil Mr.P.V.Kadam</t>
  </si>
  <si>
    <t>https://www.irjet.net/archives/V5/i4/IRJET-V5I4164.pdf</t>
  </si>
  <si>
    <t>http://www.grdjournals.com/grdje</t>
  </si>
  <si>
    <t>https://www.irjet.net/archives/V3/i10/IRJET-V3I10190.pdf</t>
  </si>
  <si>
    <t>http://ijsrd.com/Article.php?manuscript=IJSRDV5I10525</t>
  </si>
  <si>
    <t>http://www.ijirset.com/upload/2015/june/94_31_An.pdf</t>
  </si>
  <si>
    <t>http://jndcss.ipublisher.in/I/a/3066</t>
  </si>
  <si>
    <t>http://oaji.net/articles/2014/1511-1419830834.pdf</t>
  </si>
  <si>
    <t>https://www.ijiert.org/paper-details?paper_id=140059</t>
  </si>
  <si>
    <t>https://www.ijiert.org/admin/papers/1421748896_Volume%202%20Issue%201.pdf</t>
  </si>
  <si>
    <t>https://www.ijaiem.org/pabstract2.php?pid=IJAIEM-2015-03-12-24</t>
  </si>
  <si>
    <t>http://www.academia.edu/11884320/RAPESEED_AN_ALTERNATIVE_BIODIESEL</t>
  </si>
  <si>
    <t>http://oaji.net/articles/2014/1511-1419830682.pdf</t>
  </si>
  <si>
    <t>http://www.ijeit.com/Vol%203/Issue%202/IJEIT1412201308_61.pdf</t>
  </si>
  <si>
    <t>http://citeseerx.ist.psu.edu/viewdoc/summary?doi=10.1.1.641.1060</t>
  </si>
  <si>
    <t>http://www.academia.edu/7262555/Comparative_Study_of_Conventional_Vortex_Tube_and_Modified_Vortex_Tube</t>
  </si>
  <si>
    <t>https://www.ijert.org/research/a-review-of-heat-transfer-augmentation-technique-for-combined-coiled-insert-and-dimple-tube-approach-IJERTV2IS110165.pdf</t>
  </si>
  <si>
    <t>https://ijste.org/Article.php?manuscript=IJSTEV3I8032</t>
  </si>
  <si>
    <t>http://www.ijates.com/images/short_pdf/1455874284_628Y.pdf</t>
  </si>
  <si>
    <t>http://data.conferenceworld.in/BHIMA/P190-194.pdf</t>
  </si>
  <si>
    <t>http://www.ijarse.com/images/fullpdf/1462863385_1503ijarse.pdf</t>
  </si>
  <si>
    <t>https://www.scribd.com/document/334844411/Stress-Analysis-of-Epoxy-carbon-fiber-composite-material-for-leaf-spring-by-using-FEA-software</t>
  </si>
  <si>
    <t>http://www.ijates.com/images/short_pdf/1456114371_627Y.pdf</t>
  </si>
  <si>
    <t>https://scholar.google.com/citations?user=jVoC6xgAAAAJ&amp;hl=en#d=gs_md_cita-d&amp;u=%2Fcitations%3Fview_op%3Dview_citation%26hl%3Den%26user%3DjVoC6xgAAAAJ%26citation_for_view%3DjVoC6xgAAAAJ%3ATyk-4Ss8FVUC%26tzom%3D-330</t>
  </si>
  <si>
    <t>https://scholar.google.co.in/citations?user=DtjhCTcAAAAJ&amp;hl=en#d=gs_md_cita-d&amp;u=%2Fcitations%3Fview_op%3Dview_citation%26hl%3Den%26user%3DDtjhCTcAAAAJ%26citation_for_view%3DDtjhCTcAAAAJ%3Ad1gkVwhDpl0C%26tzom%3D-330</t>
  </si>
  <si>
    <t>https://scholar.google.co.in/citations?user=7NBKurgAAAAJ&amp;hl=en#d=gs_md_cita-d&amp;u=%2Fcitations%3Fview_op%3Dview_citation%26hl%3Den%26user%3D7NBKurgAAAAJ%26citation_for_view%3D7NBKurgAAAAJ%3AIjCSPb-OGe4C%26tzom%3D-330</t>
  </si>
  <si>
    <t>http://ijsart.com/Home/PastIssue</t>
  </si>
  <si>
    <t>http://troindia.in/journal/ijcesr/vol3iss1part2/82-88,%20,%20069.pdf</t>
  </si>
  <si>
    <t>https://www.irjet.net/archives/V3/i1/IRJET-V3I1101.pdf</t>
  </si>
  <si>
    <t>https://www.ijarse.com/images/fullpdf/1455861363_606Y.pdf</t>
  </si>
  <si>
    <t>http://data.conferenceworld.in/BHIMA/P1043-1047.pdf</t>
  </si>
  <si>
    <t>http://www.ijifr.com/pdfsave/30-03-2016926V3-E7-074.pdf</t>
  </si>
  <si>
    <t>https://pdfs.semanticscholar.org/446c/1215ab03e440ffe42debaa49f088c2636e64.pdf</t>
  </si>
  <si>
    <t>http://www.ijstm.com/images/short_pdf/1458051979_1048B.pdf</t>
  </si>
  <si>
    <t>http://www.ijstm.com/images/short_pdf/1458137820_1040B.pdf</t>
  </si>
  <si>
    <t>http://www.ijarse.com/images/fullpdf/1457613712_1010B.pdf</t>
  </si>
  <si>
    <t>http://www.ijarse.com/images/fullpdf/1458134023_1093B.pdf</t>
  </si>
  <si>
    <t>http://data.conferenceworld.in/BHIMA/P493-498.pdf</t>
  </si>
  <si>
    <t>http://www.ijstm.com/images/short_pdf/1458137789_1014B.pdf</t>
  </si>
  <si>
    <t>https://www.researchgate.net/publication/307142725_An_investigative_study_on_application_of_carbon_nanotubes_for_strain_sensing</t>
  </si>
  <si>
    <t>http://www.academia.edu/10099093/Review_Paper_on_Application_of_Variable_Displacement_Linkage_in_Radial_Piston_Pump</t>
  </si>
  <si>
    <t>https://www.technicaljournalsonline.com/ijaers/VOL%20IV/IJAERS%20VOL%20IV%20ISSUE%20I%20%20OCTBER%20DECEMBER%202014/520.pdf</t>
  </si>
  <si>
    <t>http://ijsrd.com/index.php?p=Archive&amp;v=2&amp;i=11</t>
  </si>
  <si>
    <t>http://www.ijsrd.com/articles/IJSRDV2I12230.pdf</t>
  </si>
  <si>
    <t>http://www.ijsrd.com/articles/IJSRDV2I12227.pdf</t>
  </si>
  <si>
    <t>https://www.researchgate.net/publication/299367096_A_REVIEW_ON_OPTIMIZATION_OF_ROTARY_TABLE_PALLETS</t>
  </si>
  <si>
    <t>http://www.academia.edu/11483066/MAGNETOHYDRODYNAMICS_A_METHOD_FOR_PERFORMANCE_ENHANCEMENT_IN_AIR_CONDITIONING_AND_REFRIGERATION</t>
  </si>
  <si>
    <t>https://www.slideshare.net/esatjournals/a-review-of-application-of-some-product-development-technoques-applied-in-engineering-industry</t>
  </si>
  <si>
    <t>http://ijiet.com/wp-content/uploads/2013/10/8.pdf</t>
  </si>
  <si>
    <t>https://www.ijert.org/research/thermodynamic-and-hydrodynamic-performance-of-double-pipe-heat-exchanger-with-bended-strips-IJERTV2IS100376.pdf</t>
  </si>
  <si>
    <t>http://www.tjprc.org/publishpapers/2-67-1380634883-6.%20Mech%20-%20IJMPERD%20-PERFORMANCE%20%20-%20Shaikh%20-%20Full.pdf</t>
  </si>
  <si>
    <t>https://scholar.google.co.in/citations?hl=en&amp;authuser=3&amp;user=mnZmy6gAAAAJ</t>
  </si>
  <si>
    <t>https://scholar.google.com/citations?user=PBNDuG8AAAAJ&amp;hl=en</t>
  </si>
  <si>
    <r>
      <t>Innovative Technologies for the Treatment of Industrial Wastewater A Sustainable Approach(</t>
    </r>
    <r>
      <rPr>
        <sz val="12"/>
        <color theme="1"/>
        <rFont val="Calibri"/>
        <family val="2"/>
        <scheme val="minor"/>
      </rPr>
      <t>Apple Academic Press, Canada)</t>
    </r>
  </si>
  <si>
    <r>
      <t>ISBN:</t>
    </r>
    <r>
      <rPr>
        <sz val="12"/>
        <color rgb="FF222222"/>
        <rFont val="Calibri"/>
        <family val="2"/>
        <scheme val="minor"/>
      </rPr>
      <t> 9781771884976</t>
    </r>
  </si>
  <si>
    <r>
      <t>Earthquake and wind analysis of diagrid structure. (2</t>
    </r>
    <r>
      <rPr>
        <vertAlign val="superscript"/>
        <sz val="12"/>
        <color theme="1"/>
        <rFont val="Calibri"/>
        <family val="2"/>
        <scheme val="minor"/>
      </rPr>
      <t>nd</t>
    </r>
    <r>
      <rPr>
        <sz val="12"/>
        <color theme="1"/>
        <rFont val="Calibri"/>
        <family val="2"/>
        <scheme val="minor"/>
      </rPr>
      <t>Author)</t>
    </r>
  </si>
  <si>
    <r>
      <t xml:space="preserve">MPPT Based  </t>
    </r>
    <r>
      <rPr>
        <sz val="12"/>
        <color theme="1"/>
        <rFont val="Calibri"/>
        <family val="2"/>
        <scheme val="minor"/>
      </rPr>
      <t>Boost</t>
    </r>
    <r>
      <rPr>
        <sz val="12"/>
        <color rgb="FFE44333"/>
        <rFont val="Calibri"/>
        <family val="2"/>
        <scheme val="minor"/>
      </rPr>
      <t xml:space="preserve"> </t>
    </r>
    <r>
      <rPr>
        <sz val="12"/>
        <color theme="1"/>
        <rFont val="Calibri"/>
        <family val="2"/>
        <scheme val="minor"/>
      </rPr>
      <t>Converter</t>
    </r>
    <r>
      <rPr>
        <sz val="12"/>
        <color rgb="FFE44333"/>
        <rFont val="Calibri"/>
        <family val="2"/>
        <scheme val="minor"/>
      </rPr>
      <t xml:space="preserve"> </t>
    </r>
    <r>
      <rPr>
        <sz val="12"/>
        <color rgb="FF000000"/>
        <rFont val="Calibri"/>
        <family val="2"/>
        <scheme val="minor"/>
      </rPr>
      <t>for Photovoltaic Application</t>
    </r>
  </si>
  <si>
    <r>
      <t xml:space="preserve">International Journal of Advance </t>
    </r>
    <r>
      <rPr>
        <sz val="12"/>
        <color theme="1"/>
        <rFont val="Calibri"/>
        <family val="2"/>
        <scheme val="minor"/>
      </rPr>
      <t>Research</t>
    </r>
    <r>
      <rPr>
        <sz val="12"/>
        <color rgb="FFE44333"/>
        <rFont val="Calibri"/>
        <family val="2"/>
        <scheme val="minor"/>
      </rPr>
      <t xml:space="preserve"> </t>
    </r>
    <r>
      <rPr>
        <sz val="12"/>
        <color theme="1"/>
        <rFont val="Calibri"/>
        <family val="2"/>
        <scheme val="minor"/>
      </rPr>
      <t>in</t>
    </r>
    <r>
      <rPr>
        <sz val="12"/>
        <color rgb="FFE44333"/>
        <rFont val="Calibri"/>
        <family val="2"/>
        <scheme val="minor"/>
      </rPr>
      <t xml:space="preserve"> </t>
    </r>
    <r>
      <rPr>
        <sz val="12"/>
        <color rgb="FF000000"/>
        <rFont val="Calibri"/>
        <family val="2"/>
        <scheme val="minor"/>
      </rPr>
      <t>Science and Engineering</t>
    </r>
  </si>
  <si>
    <r>
      <t>IETE-4</t>
    </r>
    <r>
      <rPr>
        <vertAlign val="superscript"/>
        <sz val="12"/>
        <color theme="1"/>
        <rFont val="Calibri"/>
        <family val="2"/>
        <scheme val="minor"/>
      </rPr>
      <t>th</t>
    </r>
    <r>
      <rPr>
        <sz val="12"/>
        <color theme="1"/>
        <rFont val="Calibri"/>
        <family val="2"/>
        <scheme val="minor"/>
      </rPr>
      <t xml:space="preserve"> International Conference on Emerging Trends in Engineering and Management Research</t>
    </r>
  </si>
  <si>
    <r>
      <t xml:space="preserve">Blockchain Technology and Transition to Cloud in </t>
    </r>
    <r>
      <rPr>
        <sz val="12"/>
        <rFont val="Calibri"/>
        <family val="2"/>
        <scheme val="minor"/>
      </rPr>
      <t>International Journal of Innovative Research in Technology (IJIRT)</t>
    </r>
  </si>
  <si>
    <r>
      <t xml:space="preserve">International Journal for Scientific Research &amp; Development. 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5, Issue No. 02 , </t>
    </r>
  </si>
  <si>
    <r>
      <t xml:space="preserve">International Journal forScience Technology and Engineering, 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3, Issue No. 09 , </t>
    </r>
  </si>
  <si>
    <r>
      <t xml:space="preserve">International Research Journal forEngineering and Technology, </t>
    </r>
    <r>
      <rPr>
        <sz val="12"/>
        <color theme="1"/>
        <rFont val="Calibri"/>
        <family val="2"/>
        <scheme val="minor"/>
      </rPr>
      <t>.</t>
    </r>
    <r>
      <rPr>
        <sz val="12"/>
        <rFont val="Calibri"/>
        <family val="2"/>
        <scheme val="minor"/>
      </rPr>
      <t xml:space="preserve">Vol. No. 4, Issue No. 03 , </t>
    </r>
  </si>
  <si>
    <r>
      <t xml:space="preserve">International Journal of Engineering and Techniques. </t>
    </r>
    <r>
      <rPr>
        <sz val="12"/>
        <rFont val="Calibri"/>
        <family val="2"/>
        <scheme val="minor"/>
      </rPr>
      <t xml:space="preserve">Vol. No. 3, Issue No. 02 , </t>
    </r>
  </si>
  <si>
    <r>
      <t xml:space="preserve">International Journal forScientific Research &amp; Development. 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5, Issue No. 02 , </t>
    </r>
  </si>
  <si>
    <r>
      <t xml:space="preserve">International Journal ofInnovative Science and Research Technology. 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2, Issue No. 04 , </t>
    </r>
  </si>
  <si>
    <r>
      <t xml:space="preserve">International Journal ofInnovation Studies in Science and Engineering Technology. 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3, Issue No. 04 , </t>
    </r>
  </si>
  <si>
    <r>
      <t>International Journal of  Recent Trends in Engineering &amp;</t>
    </r>
    <r>
      <rPr>
        <sz val="12"/>
        <color theme="1"/>
        <rFont val="Calibri"/>
        <family val="2"/>
        <scheme val="minor"/>
      </rPr>
      <t xml:space="preserve">Research, </t>
    </r>
    <r>
      <rPr>
        <sz val="12"/>
        <rFont val="Calibri"/>
        <family val="2"/>
        <scheme val="minor"/>
      </rPr>
      <t xml:space="preserve">Vol. No. 3, Issue No. 03 , </t>
    </r>
  </si>
  <si>
    <r>
      <t>International Journal ofInnovation Studies in Science and Engineering Technology</t>
    </r>
    <r>
      <rPr>
        <sz val="12"/>
        <color theme="1"/>
        <rFont val="Calibri"/>
        <family val="2"/>
        <scheme val="minor"/>
      </rPr>
      <t xml:space="preserve">. </t>
    </r>
    <r>
      <rPr>
        <sz val="12"/>
        <rFont val="Calibri"/>
        <family val="2"/>
        <scheme val="minor"/>
      </rPr>
      <t xml:space="preserve">Vol. No. 3, Issue No. 04 , </t>
    </r>
  </si>
  <si>
    <r>
      <t>30</t>
    </r>
    <r>
      <rPr>
        <vertAlign val="superscript"/>
        <sz val="12"/>
        <color theme="1"/>
        <rFont val="Calibri"/>
        <family val="2"/>
        <scheme val="minor"/>
      </rPr>
      <t>th</t>
    </r>
    <r>
      <rPr>
        <sz val="12"/>
        <color theme="1"/>
        <rFont val="Calibri"/>
        <family val="2"/>
        <scheme val="minor"/>
      </rPr>
      <t xml:space="preserve"> May 2016</t>
    </r>
  </si>
  <si>
    <r>
      <t xml:space="preserve">NOVEL METHOD TO IMPROVE ACO PERFORMANCE ON THE GPU USING CUDA FOR NURSE ROSTER SCHEDULING PROBLEM </t>
    </r>
    <r>
      <rPr>
        <sz val="12"/>
        <color theme="1"/>
        <rFont val="Calibri"/>
        <family val="2"/>
        <scheme val="minor"/>
      </rPr>
      <t>in International Journal (IJARCCE)</t>
    </r>
  </si>
  <si>
    <r>
      <t>Dr.</t>
    </r>
    <r>
      <rPr>
        <sz val="12"/>
        <rFont val="Calibri"/>
        <family val="2"/>
        <scheme val="minor"/>
      </rPr>
      <t>M. S. Chavan</t>
    </r>
  </si>
  <si>
    <r>
      <t>Mr.</t>
    </r>
    <r>
      <rPr>
        <sz val="12"/>
        <rFont val="Calibri"/>
        <family val="2"/>
        <scheme val="minor"/>
      </rPr>
      <t>S. V. Phakade</t>
    </r>
  </si>
  <si>
    <r>
      <t>Mr.</t>
    </r>
    <r>
      <rPr>
        <sz val="12"/>
        <rFont val="Calibri"/>
        <family val="2"/>
        <scheme val="minor"/>
      </rPr>
      <t>B. P. Kulkarni.</t>
    </r>
  </si>
  <si>
    <r>
      <t>Mr.</t>
    </r>
    <r>
      <rPr>
        <sz val="12"/>
        <rFont val="Calibri"/>
        <family val="2"/>
        <scheme val="minor"/>
      </rPr>
      <t>D. O. Shirsath</t>
    </r>
  </si>
  <si>
    <r>
      <t>Prof.</t>
    </r>
    <r>
      <rPr>
        <sz val="12"/>
        <rFont val="Calibri"/>
        <family val="2"/>
        <scheme val="minor"/>
      </rPr>
      <t xml:space="preserve"> R. P. Onkare</t>
    </r>
  </si>
  <si>
    <r>
      <t xml:space="preserve"> 26</t>
    </r>
    <r>
      <rPr>
        <vertAlign val="superscript"/>
        <sz val="12"/>
        <color theme="1"/>
        <rFont val="Calibri"/>
        <family val="2"/>
        <scheme val="minor"/>
      </rPr>
      <t>th</t>
    </r>
    <r>
      <rPr>
        <sz val="12"/>
        <color theme="1"/>
        <rFont val="Calibri"/>
        <family val="2"/>
        <scheme val="minor"/>
      </rPr>
      <t>april 2015</t>
    </r>
  </si>
  <si>
    <r>
      <t>26</t>
    </r>
    <r>
      <rPr>
        <vertAlign val="superscript"/>
        <sz val="12"/>
        <color theme="1"/>
        <rFont val="Calibri"/>
        <family val="2"/>
        <scheme val="minor"/>
      </rPr>
      <t>th</t>
    </r>
    <r>
      <rPr>
        <sz val="12"/>
        <color theme="1"/>
        <rFont val="Calibri"/>
        <family val="2"/>
        <scheme val="minor"/>
      </rPr>
      <t>april 2015</t>
    </r>
  </si>
  <si>
    <r>
      <t>Mr.</t>
    </r>
    <r>
      <rPr>
        <sz val="12"/>
        <rFont val="Calibri"/>
        <family val="2"/>
        <scheme val="minor"/>
      </rPr>
      <t>V. S. Suryawanshi</t>
    </r>
  </si>
  <si>
    <r>
      <t>Proceedings of the Fourth IEEE</t>
    </r>
    <r>
      <rPr>
        <sz val="12"/>
        <color rgb="FF222222"/>
        <rFont val="Calibri"/>
        <family val="2"/>
        <scheme val="minor"/>
      </rPr>
      <t>(ICCCNT )</t>
    </r>
  </si>
  <si>
    <r>
      <t>22 &amp; 23</t>
    </r>
    <r>
      <rPr>
        <vertAlign val="superscript"/>
        <sz val="12"/>
        <color theme="1"/>
        <rFont val="Calibri"/>
        <family val="2"/>
        <scheme val="minor"/>
      </rPr>
      <t>rd</t>
    </r>
    <r>
      <rPr>
        <sz val="12"/>
        <color theme="1"/>
        <rFont val="Calibri"/>
        <family val="2"/>
        <scheme val="minor"/>
      </rPr>
      <t xml:space="preserve">  Feb 2013</t>
    </r>
  </si>
</sst>
</file>

<file path=xl/styles.xml><?xml version="1.0" encoding="utf-8"?>
<styleSheet xmlns="http://schemas.openxmlformats.org/spreadsheetml/2006/main">
  <numFmts count="3">
    <numFmt numFmtId="164" formatCode="yyyy\-mm"/>
    <numFmt numFmtId="165" formatCode="yyyy\-m"/>
    <numFmt numFmtId="166" formatCode="0;[Red]0"/>
  </numFmts>
  <fonts count="22">
    <font>
      <sz val="11"/>
      <color theme="1"/>
      <name val="Calibri"/>
      <family val="2"/>
      <scheme val="minor"/>
    </font>
    <font>
      <u/>
      <sz val="11"/>
      <color theme="10"/>
      <name val="Calibri"/>
      <family val="2"/>
    </font>
    <font>
      <u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  <font>
      <sz val="12"/>
      <color rgb="FF444444"/>
      <name val="Calibri"/>
      <family val="2"/>
      <scheme val="minor"/>
    </font>
    <font>
      <u/>
      <sz val="12"/>
      <color theme="10"/>
      <name val="Calibri"/>
      <family val="2"/>
      <scheme val="minor"/>
    </font>
    <font>
      <sz val="12"/>
      <color rgb="FF000000"/>
      <name val="Calibri"/>
      <family val="2"/>
      <scheme val="minor"/>
    </font>
    <font>
      <sz val="12"/>
      <color theme="10"/>
      <name val="Calibri"/>
      <family val="2"/>
      <scheme val="minor"/>
    </font>
    <font>
      <sz val="12"/>
      <color rgb="FF222222"/>
      <name val="Calibri"/>
      <family val="2"/>
      <scheme val="minor"/>
    </font>
    <font>
      <b/>
      <sz val="12"/>
      <color rgb="FF222222"/>
      <name val="Calibri"/>
      <family val="2"/>
      <scheme val="minor"/>
    </font>
    <font>
      <vertAlign val="superscript"/>
      <sz val="12"/>
      <color theme="1"/>
      <name val="Calibri"/>
      <family val="2"/>
      <scheme val="minor"/>
    </font>
    <font>
      <sz val="12"/>
      <color rgb="FFE44333"/>
      <name val="Calibri"/>
      <family val="2"/>
      <scheme val="minor"/>
    </font>
    <font>
      <u/>
      <sz val="12"/>
      <color rgb="FF0000FF"/>
      <name val="Calibri"/>
      <family val="2"/>
      <scheme val="minor"/>
    </font>
    <font>
      <sz val="12"/>
      <name val="Calibri"/>
      <family val="2"/>
      <scheme val="minor"/>
    </font>
    <font>
      <sz val="12"/>
      <color rgb="FF1D1D1D"/>
      <name val="Calibri"/>
      <family val="2"/>
      <scheme val="minor"/>
    </font>
    <font>
      <sz val="12"/>
      <color rgb="FF404040"/>
      <name val="Calibri"/>
      <family val="2"/>
      <scheme val="minor"/>
    </font>
    <font>
      <b/>
      <sz val="12"/>
      <color rgb="FF000000"/>
      <name val="Calibri"/>
      <family val="2"/>
      <scheme val="minor"/>
    </font>
    <font>
      <sz val="12"/>
      <color rgb="FF0000FF"/>
      <name val="Calibri"/>
      <family val="2"/>
      <scheme val="minor"/>
    </font>
    <font>
      <i/>
      <sz val="12"/>
      <color theme="1"/>
      <name val="Calibri"/>
      <family val="2"/>
      <scheme val="minor"/>
    </font>
    <font>
      <u/>
      <sz val="12"/>
      <color rgb="FF222222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 applyNumberFormat="0" applyFill="0" applyBorder="0" applyAlignment="0" applyProtection="0">
      <alignment vertical="top"/>
      <protection locked="0"/>
    </xf>
  </cellStyleXfs>
  <cellXfs count="65">
    <xf numFmtId="0" fontId="0" fillId="0" borderId="0" xfId="0"/>
    <xf numFmtId="0" fontId="2" fillId="0" borderId="0" xfId="0" applyFont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7" fillId="0" borderId="1" xfId="1" applyFont="1" applyBorder="1" applyAlignment="1" applyProtection="1">
      <alignment horizontal="left" vertical="center" wrapText="1"/>
    </xf>
    <xf numFmtId="0" fontId="8" fillId="0" borderId="1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9" fillId="0" borderId="2" xfId="1" applyFont="1" applyBorder="1" applyAlignment="1" applyProtection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17" fontId="3" fillId="0" borderId="1" xfId="0" applyNumberFormat="1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17" fontId="10" fillId="0" borderId="1" xfId="0" applyNumberFormat="1" applyFont="1" applyBorder="1" applyAlignment="1">
      <alignment horizontal="center" vertical="center" wrapText="1"/>
    </xf>
    <xf numFmtId="0" fontId="11" fillId="0" borderId="2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7" fillId="0" borderId="1" xfId="1" applyFont="1" applyBorder="1" applyAlignment="1" applyProtection="1">
      <alignment horizontal="left" vertical="top" wrapText="1"/>
    </xf>
    <xf numFmtId="0" fontId="7" fillId="0" borderId="1" xfId="1" applyFont="1" applyBorder="1" applyAlignment="1" applyProtection="1">
      <alignment vertical="top" wrapText="1"/>
    </xf>
    <xf numFmtId="0" fontId="7" fillId="0" borderId="1" xfId="1" applyFont="1" applyBorder="1" applyAlignment="1" applyProtection="1">
      <alignment horizontal="left" vertical="center" wrapText="1" indent="1"/>
    </xf>
    <xf numFmtId="0" fontId="14" fillId="0" borderId="1" xfId="0" applyFont="1" applyBorder="1" applyAlignment="1">
      <alignment horizontal="left" vertical="center" wrapText="1"/>
    </xf>
    <xf numFmtId="0" fontId="15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7" fillId="0" borderId="1" xfId="1" applyFont="1" applyBorder="1" applyAlignment="1" applyProtection="1">
      <alignment horizontal="center" vertical="center" wrapText="1"/>
    </xf>
    <xf numFmtId="0" fontId="15" fillId="0" borderId="2" xfId="0" applyFont="1" applyBorder="1" applyAlignment="1">
      <alignment horizontal="center" vertical="center" wrapText="1"/>
    </xf>
    <xf numFmtId="0" fontId="7" fillId="0" borderId="1" xfId="1" applyFont="1" applyBorder="1" applyAlignment="1" applyProtection="1">
      <alignment wrapText="1"/>
    </xf>
    <xf numFmtId="17" fontId="15" fillId="0" borderId="1" xfId="0" applyNumberFormat="1" applyFont="1" applyBorder="1" applyAlignment="1">
      <alignment horizontal="center" vertical="center" wrapText="1"/>
    </xf>
    <xf numFmtId="17" fontId="8" fillId="0" borderId="1" xfId="0" applyNumberFormat="1" applyFont="1" applyBorder="1" applyAlignment="1">
      <alignment horizontal="center" vertical="center" wrapText="1"/>
    </xf>
    <xf numFmtId="16" fontId="3" fillId="0" borderId="1" xfId="0" applyNumberFormat="1" applyFont="1" applyBorder="1" applyAlignment="1">
      <alignment horizontal="center" vertical="center" wrapText="1"/>
    </xf>
    <xf numFmtId="0" fontId="16" fillId="0" borderId="2" xfId="0" applyFont="1" applyBorder="1" applyAlignment="1">
      <alignment horizontal="center" vertical="center" wrapText="1"/>
    </xf>
    <xf numFmtId="164" fontId="8" fillId="0" borderId="1" xfId="0" applyNumberFormat="1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14" fontId="7" fillId="0" borderId="1" xfId="1" applyNumberFormat="1" applyFont="1" applyFill="1" applyBorder="1" applyAlignment="1" applyProtection="1">
      <alignment horizontal="left" vertical="center" wrapText="1"/>
    </xf>
    <xf numFmtId="165" fontId="8" fillId="0" borderId="1" xfId="0" applyNumberFormat="1" applyFont="1" applyBorder="1" applyAlignment="1">
      <alignment horizontal="center" vertical="center" wrapText="1"/>
    </xf>
    <xf numFmtId="0" fontId="17" fillId="0" borderId="1" xfId="0" applyFont="1" applyBorder="1" applyAlignment="1">
      <alignment horizontal="center" vertical="center" wrapText="1"/>
    </xf>
    <xf numFmtId="0" fontId="18" fillId="0" borderId="2" xfId="0" applyFont="1" applyBorder="1" applyAlignment="1">
      <alignment horizontal="center" vertical="center" wrapText="1"/>
    </xf>
    <xf numFmtId="14" fontId="3" fillId="0" borderId="1" xfId="0" applyNumberFormat="1" applyFont="1" applyBorder="1" applyAlignment="1">
      <alignment horizontal="center" vertical="center" wrapText="1"/>
    </xf>
    <xf numFmtId="14" fontId="8" fillId="0" borderId="1" xfId="0" applyNumberFormat="1" applyFont="1" applyBorder="1" applyAlignment="1">
      <alignment horizontal="center" vertical="center" wrapText="1"/>
    </xf>
    <xf numFmtId="165" fontId="3" fillId="0" borderId="1" xfId="0" applyNumberFormat="1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19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0" fillId="0" borderId="1" xfId="0" applyFont="1" applyBorder="1" applyAlignment="1">
      <alignment horizontal="center" vertical="center" wrapText="1"/>
    </xf>
    <xf numFmtId="15" fontId="3" fillId="0" borderId="1" xfId="0" applyNumberFormat="1" applyFont="1" applyBorder="1" applyAlignment="1">
      <alignment horizontal="center" vertical="center" wrapText="1"/>
    </xf>
    <xf numFmtId="0" fontId="15" fillId="0" borderId="0" xfId="0" applyFont="1" applyAlignment="1">
      <alignment vertical="center"/>
    </xf>
    <xf numFmtId="0" fontId="7" fillId="0" borderId="1" xfId="1" applyFont="1" applyFill="1" applyBorder="1" applyAlignment="1" applyProtection="1">
      <alignment vertical="center" wrapText="1"/>
    </xf>
    <xf numFmtId="15" fontId="8" fillId="0" borderId="1" xfId="0" applyNumberFormat="1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 wrapText="1"/>
    </xf>
    <xf numFmtId="164" fontId="14" fillId="0" borderId="1" xfId="0" applyNumberFormat="1" applyFont="1" applyBorder="1" applyAlignment="1">
      <alignment horizontal="center" vertical="center" wrapText="1"/>
    </xf>
    <xf numFmtId="0" fontId="14" fillId="0" borderId="1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21" fillId="0" borderId="1" xfId="0" applyFont="1" applyBorder="1" applyAlignment="1">
      <alignment horizontal="left" vertical="center" wrapText="1"/>
    </xf>
    <xf numFmtId="0" fontId="7" fillId="0" borderId="1" xfId="1" applyFont="1" applyBorder="1" applyAlignment="1" applyProtection="1">
      <alignment vertical="center" wrapText="1"/>
    </xf>
    <xf numFmtId="0" fontId="7" fillId="0" borderId="1" xfId="1" applyFont="1" applyFill="1" applyBorder="1" applyAlignment="1" applyProtection="1">
      <alignment horizontal="left" vertical="center" wrapText="1"/>
    </xf>
    <xf numFmtId="16" fontId="8" fillId="0" borderId="1" xfId="0" applyNumberFormat="1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7" fillId="0" borderId="1" xfId="1" applyFont="1" applyBorder="1" applyAlignment="1" applyProtection="1">
      <alignment horizontal="left" vertical="top" wrapText="1" indent="1"/>
    </xf>
    <xf numFmtId="166" fontId="10" fillId="0" borderId="1" xfId="0" applyNumberFormat="1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2" fillId="0" borderId="0" xfId="0" applyFont="1" applyBorder="1" applyAlignment="1">
      <alignment horizontal="left" vertical="center" wrapText="1"/>
    </xf>
  </cellXfs>
  <cellStyles count="2">
    <cellStyle name="Hyperlink" xfId="1" builtinId="8"/>
    <cellStyle name="Normal" xfId="0" builtinId="0"/>
  </cellStyles>
  <dxfs count="0"/>
  <tableStyles count="0" defaultTableStyle="TableStyleMedium9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hyperlink" Target="https://scholar.google.co.in/citations?user=wdpMcp4AAAAJ&amp;hl=en" TargetMode="External"/><Relationship Id="rId299" Type="http://schemas.openxmlformats.org/officeDocument/2006/relationships/hyperlink" Target="https://scholar.google.co.in/citations?user=5FVPLGoAAAAJ&amp;hl=en" TargetMode="External"/><Relationship Id="rId303" Type="http://schemas.openxmlformats.org/officeDocument/2006/relationships/hyperlink" Target="https://scholar.google.co.in/citations?user=-q7c008AAAAJ&amp;hl=en" TargetMode="External"/><Relationship Id="rId21" Type="http://schemas.openxmlformats.org/officeDocument/2006/relationships/hyperlink" Target="https://www.irjet.net/volume5-issue3" TargetMode="External"/><Relationship Id="rId42" Type="http://schemas.openxmlformats.org/officeDocument/2006/relationships/hyperlink" Target="http://www.ijtsrd.com/engineering/bio-mechanicaland-biomedical-engineering/11542/reviewwavelet-transform-based-electroencephalogram-methods/miss-n-r-patil" TargetMode="External"/><Relationship Id="rId63" Type="http://schemas.openxmlformats.org/officeDocument/2006/relationships/hyperlink" Target="http://www.ijirt.org/master/publishedpaper/IJIRT142571_PAPER.pdf" TargetMode="External"/><Relationship Id="rId84" Type="http://schemas.openxmlformats.org/officeDocument/2006/relationships/hyperlink" Target="https://www.inderscienceonline.com/doi/abs/10.1504/IJCSE.2015.067055" TargetMode="External"/><Relationship Id="rId138" Type="http://schemas.openxmlformats.org/officeDocument/2006/relationships/hyperlink" Target="http://www.onlinejournal.in/" TargetMode="External"/><Relationship Id="rId159" Type="http://schemas.openxmlformats.org/officeDocument/2006/relationships/hyperlink" Target="http://www.ipasj.org/" TargetMode="External"/><Relationship Id="rId324" Type="http://schemas.openxmlformats.org/officeDocument/2006/relationships/hyperlink" Target="http://www.academia.edu/7262555/Comparative_Study_of_Conventional_Vortex_Tube_and_Modified_Vortex_Tube" TargetMode="External"/><Relationship Id="rId345" Type="http://schemas.openxmlformats.org/officeDocument/2006/relationships/hyperlink" Target="https://pdfs.semanticscholar.org/446c/1215ab03e440ffe42debaa49f088c2636e64.pdf" TargetMode="External"/><Relationship Id="rId366" Type="http://schemas.openxmlformats.org/officeDocument/2006/relationships/hyperlink" Target="https://scholar.google.com/citations?user=QtGIUwQAAAAJ&amp;hl=en" TargetMode="External"/><Relationship Id="rId170" Type="http://schemas.openxmlformats.org/officeDocument/2006/relationships/hyperlink" Target="https://scholar.google.co.in/citations?user=LsvQ88EAAAAJ&amp;hl=en" TargetMode="External"/><Relationship Id="rId191" Type="http://schemas.openxmlformats.org/officeDocument/2006/relationships/hyperlink" Target="http://www.ijera.com/" TargetMode="External"/><Relationship Id="rId205" Type="http://schemas.openxmlformats.org/officeDocument/2006/relationships/hyperlink" Target="http://www.iaeme.com/" TargetMode="External"/><Relationship Id="rId226" Type="http://schemas.openxmlformats.org/officeDocument/2006/relationships/hyperlink" Target="http://ijaetmas.com/wp-content/uploads/2014/08/IJB018.pdf" TargetMode="External"/><Relationship Id="rId247" Type="http://schemas.openxmlformats.org/officeDocument/2006/relationships/hyperlink" Target="https://scholar.google.co.in/citations?user=7mBojZwAAAAJ&amp;hl=en" TargetMode="External"/><Relationship Id="rId107" Type="http://schemas.openxmlformats.org/officeDocument/2006/relationships/hyperlink" Target="http://www.ijircst.org/DOC/29_IRP287e8bd14ac-6c92-4faf-b6ba-8086500cccf7.pdf" TargetMode="External"/><Relationship Id="rId268" Type="http://schemas.openxmlformats.org/officeDocument/2006/relationships/hyperlink" Target="https://www.slideshare.net/ijmter/securing-manyto-many-wireless-sensor-networks-with-unique-dynamic-key" TargetMode="External"/><Relationship Id="rId289" Type="http://schemas.openxmlformats.org/officeDocument/2006/relationships/hyperlink" Target="https://scholar.google.co.in/citations?user=QsUAE10AAAAJ&amp;hl=en" TargetMode="External"/><Relationship Id="rId11" Type="http://schemas.openxmlformats.org/officeDocument/2006/relationships/hyperlink" Target="http://ijaetmas.com/wp-content/uploads/2014/08/IJB028.pdf" TargetMode="External"/><Relationship Id="rId32" Type="http://schemas.openxmlformats.org/officeDocument/2006/relationships/hyperlink" Target="http://www.ijritcc.org/download/browse/Volume_5.../1510148447_08-11-2017.pdf%20%0d" TargetMode="External"/><Relationship Id="rId53" Type="http://schemas.openxmlformats.org/officeDocument/2006/relationships/hyperlink" Target="http://www.ijsrd.com/articles/IJSRDV5I10918.pdf" TargetMode="External"/><Relationship Id="rId74" Type="http://schemas.openxmlformats.org/officeDocument/2006/relationships/hyperlink" Target="https://pdfs.semanticscholar.org/e6ab/22c4fb861e2427617ecca90e33ceee9deaba.pdf" TargetMode="External"/><Relationship Id="rId128" Type="http://schemas.openxmlformats.org/officeDocument/2006/relationships/hyperlink" Target="https://scholar.google.com/citations?hl=en&amp;user=ff691OwAAAAJ" TargetMode="External"/><Relationship Id="rId149" Type="http://schemas.openxmlformats.org/officeDocument/2006/relationships/hyperlink" Target="http://www.ijsrd.com/" TargetMode="External"/><Relationship Id="rId314" Type="http://schemas.openxmlformats.org/officeDocument/2006/relationships/hyperlink" Target="http://jndcss.ipublisher.in/I/a/3066" TargetMode="External"/><Relationship Id="rId335" Type="http://schemas.openxmlformats.org/officeDocument/2006/relationships/hyperlink" Target="http://www.ijates.com/images/short_pdf/1456114371_627Y.pdf" TargetMode="External"/><Relationship Id="rId356" Type="http://schemas.openxmlformats.org/officeDocument/2006/relationships/hyperlink" Target="http://www.ijsrd.com/articles/IJSRDV2I12230.pdf" TargetMode="External"/><Relationship Id="rId5" Type="http://schemas.openxmlformats.org/officeDocument/2006/relationships/hyperlink" Target="https://www.elsevier.com/locate/issn/2214-7853" TargetMode="External"/><Relationship Id="rId95" Type="http://schemas.openxmlformats.org/officeDocument/2006/relationships/hyperlink" Target="http://www.iaeme.com/MasterAdmin/UploadFolder/WORKLOAD%20ANALYSIS%20SECURITY%20ASPECTS%20AND%20OPTIMIZATION%20OF%20WORKLOAD%20IN%20HADOOP%20CLUSTERS/WORKLOAD%20ANALYSIS%20SECURITY%20ASPECTS%20AND%20OPTIMIZATION%20OF%20WORKLOAD%20IN%20HADOOP%20CLUSTERS.pdf" TargetMode="External"/><Relationship Id="rId160" Type="http://schemas.openxmlformats.org/officeDocument/2006/relationships/hyperlink" Target="http://www.ijtel.org/" TargetMode="External"/><Relationship Id="rId181" Type="http://schemas.openxmlformats.org/officeDocument/2006/relationships/hyperlink" Target="https://scholar.google.co.in/citations?user=LsvQ88EAAAAJ&amp;hl=en" TargetMode="External"/><Relationship Id="rId216" Type="http://schemas.openxmlformats.org/officeDocument/2006/relationships/hyperlink" Target="https://scholar.google.co.in/citations?user=LsvQ88EAAAAJ&amp;hl=en" TargetMode="External"/><Relationship Id="rId237" Type="http://schemas.openxmlformats.org/officeDocument/2006/relationships/hyperlink" Target="https://scholar.google.co.in/citations?user=7mBojZwAAAAJ&amp;hl=en" TargetMode="External"/><Relationship Id="rId258" Type="http://schemas.openxmlformats.org/officeDocument/2006/relationships/hyperlink" Target="http://www.scribd.com/document/337053341/QRS-Complex-Detection-in-ECG-Signal" TargetMode="External"/><Relationship Id="rId279" Type="http://schemas.openxmlformats.org/officeDocument/2006/relationships/hyperlink" Target="https://scholar.google.co.in/citations?user=-q7c008AAAAJ&amp;hl=en" TargetMode="External"/><Relationship Id="rId22" Type="http://schemas.openxmlformats.org/officeDocument/2006/relationships/hyperlink" Target="https://docs.google.com/viewerng/viewer?url=http://www.ijirt.org/master/publishedpaper/IJIRT145166_PAPER.pdf" TargetMode="External"/><Relationship Id="rId43" Type="http://schemas.openxmlformats.org/officeDocument/2006/relationships/hyperlink" Target="https://www.ijresm.com/Vol1Iss7July18/IJRESM_17_14.pdf" TargetMode="External"/><Relationship Id="rId64" Type="http://schemas.openxmlformats.org/officeDocument/2006/relationships/hyperlink" Target="http://ijirt.org/master/publishedpaper/IJIRT142804_PAPER.pdf" TargetMode="External"/><Relationship Id="rId118" Type="http://schemas.openxmlformats.org/officeDocument/2006/relationships/hyperlink" Target="https://scholar.google.co.in/citations?user=wdpMcp4AAAAJ&amp;hl=en" TargetMode="External"/><Relationship Id="rId139" Type="http://schemas.openxmlformats.org/officeDocument/2006/relationships/hyperlink" Target="http://www.ijste.org/" TargetMode="External"/><Relationship Id="rId290" Type="http://schemas.openxmlformats.org/officeDocument/2006/relationships/hyperlink" Target="https://scholar.google.co.in/citations?user=QsUAE10AAAAJ&amp;hl=en" TargetMode="External"/><Relationship Id="rId304" Type="http://schemas.openxmlformats.org/officeDocument/2006/relationships/hyperlink" Target="http://www.ijser.inarchivesv3i10ijser15492.pdf/" TargetMode="External"/><Relationship Id="rId325" Type="http://schemas.openxmlformats.org/officeDocument/2006/relationships/hyperlink" Target="http://www.ijert.org/" TargetMode="External"/><Relationship Id="rId346" Type="http://schemas.openxmlformats.org/officeDocument/2006/relationships/hyperlink" Target="http://www.ijstm.com/images/short_pdf/1458051979_1048B.pdf" TargetMode="External"/><Relationship Id="rId367" Type="http://schemas.openxmlformats.org/officeDocument/2006/relationships/hyperlink" Target="https://scholar.google.com/citations?user=QtGIUwQAAAAJ&amp;hl=en" TargetMode="External"/><Relationship Id="rId85" Type="http://schemas.openxmlformats.org/officeDocument/2006/relationships/hyperlink" Target="http://ijirt.org/master/publishedpaper/IJIRT146560_PAPER.pdf" TargetMode="External"/><Relationship Id="rId150" Type="http://schemas.openxmlformats.org/officeDocument/2006/relationships/hyperlink" Target="http://www.ijea.com/" TargetMode="External"/><Relationship Id="rId171" Type="http://schemas.openxmlformats.org/officeDocument/2006/relationships/hyperlink" Target="https://scholar.google.co.in/citations?user=jsIcme0AAAAJ&amp;hl=en" TargetMode="External"/><Relationship Id="rId192" Type="http://schemas.openxmlformats.org/officeDocument/2006/relationships/hyperlink" Target="http://www.ijse.org./content.php" TargetMode="External"/><Relationship Id="rId206" Type="http://schemas.openxmlformats.org/officeDocument/2006/relationships/hyperlink" Target="http://www.ijirset.com/" TargetMode="External"/><Relationship Id="rId227" Type="http://schemas.openxmlformats.org/officeDocument/2006/relationships/hyperlink" Target="https://scholar.google.co.in/citations?user=hpnV0TIAAAAJ&amp;hl=en" TargetMode="External"/><Relationship Id="rId248" Type="http://schemas.openxmlformats.org/officeDocument/2006/relationships/hyperlink" Target="https://scholar.google.co.in/citations?user=7mBojZwAAAAJ&amp;hl=en" TargetMode="External"/><Relationship Id="rId269" Type="http://schemas.openxmlformats.org/officeDocument/2006/relationships/hyperlink" Target="https://www.ijert.org/research/an-innovative-watermarking-scheme-for-digital-image-authentication-with-common-image-processing-IJERTV2IS3098.pdf" TargetMode="External"/><Relationship Id="rId12" Type="http://schemas.openxmlformats.org/officeDocument/2006/relationships/hyperlink" Target="http://ijaetmas.com/wp-content/uploads/2014/08/IJB018.pdf" TargetMode="External"/><Relationship Id="rId33" Type="http://schemas.openxmlformats.org/officeDocument/2006/relationships/hyperlink" Target="http://www.ijareeie.com/upload/2017/november/17_Final%20Manuscript%20E61111616-Packet%20recovery%20in%20Wi-Fi_802.11_%20Networks.pdf" TargetMode="External"/><Relationship Id="rId108" Type="http://schemas.openxmlformats.org/officeDocument/2006/relationships/hyperlink" Target="http://www.iosrjournals.org/iosr-jce/papers/Vol17-issue2/Version-1/D017212027.pdf" TargetMode="External"/><Relationship Id="rId129" Type="http://schemas.openxmlformats.org/officeDocument/2006/relationships/hyperlink" Target="https://scholar.google.com/citations?hl=en&amp;user=ff691OwAAAAJ" TargetMode="External"/><Relationship Id="rId280" Type="http://schemas.openxmlformats.org/officeDocument/2006/relationships/hyperlink" Target="https://scholar.google.co.in/citations?user=-q7c008AAAAJ&amp;hl=en" TargetMode="External"/><Relationship Id="rId315" Type="http://schemas.openxmlformats.org/officeDocument/2006/relationships/hyperlink" Target="http://www.ijert.org/" TargetMode="External"/><Relationship Id="rId336" Type="http://schemas.openxmlformats.org/officeDocument/2006/relationships/hyperlink" Target="https://scholar.google.com/citations?user=jVoC6xgAAAAJ&amp;hl=en" TargetMode="External"/><Relationship Id="rId357" Type="http://schemas.openxmlformats.org/officeDocument/2006/relationships/hyperlink" Target="http://www.ijsrd.com/articles/IJSRDV2I12227.pdf" TargetMode="External"/><Relationship Id="rId54" Type="http://schemas.openxmlformats.org/officeDocument/2006/relationships/hyperlink" Target="https://pdfs.semanticscholar.org/7e0f/fccfebc114caa090f7a42308d0f69f4bc665.pdf" TargetMode="External"/><Relationship Id="rId75" Type="http://schemas.openxmlformats.org/officeDocument/2006/relationships/hyperlink" Target="https://pdfs.semanticscholar.org/ab75/a58e8fba2c88e6ab03dc98f7aef4a2918a74.pdf" TargetMode="External"/><Relationship Id="rId96" Type="http://schemas.openxmlformats.org/officeDocument/2006/relationships/hyperlink" Target="https://s3.amazonaws.com/academia.edu.documents/47346254/61_Paper_310516183_IJCSIS_Camera_Ready_A_465-470.pdf?AWSAccessKeyId=AKIAIWOWYYGZ2Y53UL3A&amp;Expires=1543382918&amp;Signature=mElSGYfIjtJ2jRADgiizbuyKlE8%3D&amp;response-content-disposition=inline%3B%20filename%3DPermission_Based_Android_Malware_Detecti.pdf" TargetMode="External"/><Relationship Id="rId140" Type="http://schemas.openxmlformats.org/officeDocument/2006/relationships/hyperlink" Target="http://www.ijsrd.com/" TargetMode="External"/><Relationship Id="rId161" Type="http://schemas.openxmlformats.org/officeDocument/2006/relationships/hyperlink" Target="http://www.ijaiem.org/" TargetMode="External"/><Relationship Id="rId182" Type="http://schemas.openxmlformats.org/officeDocument/2006/relationships/hyperlink" Target="http://www.iaeme.com/" TargetMode="External"/><Relationship Id="rId217" Type="http://schemas.openxmlformats.org/officeDocument/2006/relationships/hyperlink" Target="https://scholar.google.co.in/citations?user=LsvQ88EAAAAJ&amp;hl=en" TargetMode="External"/><Relationship Id="rId6" Type="http://schemas.openxmlformats.org/officeDocument/2006/relationships/hyperlink" Target="http://www.iosrjournals.org/iosr-jmce/papers/vol10-issue2/K01025874.pdf" TargetMode="External"/><Relationship Id="rId238" Type="http://schemas.openxmlformats.org/officeDocument/2006/relationships/hyperlink" Target="https://scholar.google.co.in/citations?user=7mBojZwAAAAJ&amp;hl=en" TargetMode="External"/><Relationship Id="rId259" Type="http://schemas.openxmlformats.org/officeDocument/2006/relationships/hyperlink" Target="https://ijritcc.com/index.php/ijritcc/article/view/4615/4615" TargetMode="External"/><Relationship Id="rId23" Type="http://schemas.openxmlformats.org/officeDocument/2006/relationships/hyperlink" Target="http://www.ijarse.com/images/fullpdf/1513918911_P233ijarse.pdf" TargetMode="External"/><Relationship Id="rId119" Type="http://schemas.openxmlformats.org/officeDocument/2006/relationships/hyperlink" Target="https://scholar.google.co.in/citations?user=wdpMcp4AAAAJ&amp;hl=en" TargetMode="External"/><Relationship Id="rId270" Type="http://schemas.openxmlformats.org/officeDocument/2006/relationships/hyperlink" Target="https://www.researchgate.net/publication/298187278_A_Technique_to_Improve_AODV_Performance_by_Modifying_QOS" TargetMode="External"/><Relationship Id="rId291" Type="http://schemas.openxmlformats.org/officeDocument/2006/relationships/hyperlink" Target="https://scholar.google.co.in/citations?user=iJLxwDUAAAAJ&amp;hl=en" TargetMode="External"/><Relationship Id="rId305" Type="http://schemas.openxmlformats.org/officeDocument/2006/relationships/hyperlink" Target="https://www.irjet.net/archives/V4/i10/IRJET-V4I1031.pdf" TargetMode="External"/><Relationship Id="rId326" Type="http://schemas.openxmlformats.org/officeDocument/2006/relationships/hyperlink" Target="https://www.ijert.org/research/a-review-of-heat-transfer-augmentation-technique-for-combined-coiled-insert-and-dimple-tube-approach-IJERTV2IS110165.pdf" TargetMode="External"/><Relationship Id="rId347" Type="http://schemas.openxmlformats.org/officeDocument/2006/relationships/hyperlink" Target="http://www.ijstm.com/images/short_pdf/1458137820_1040B.pdf" TargetMode="External"/><Relationship Id="rId44" Type="http://schemas.openxmlformats.org/officeDocument/2006/relationships/hyperlink" Target="http://ijirt.org/Article?manuscript=145406" TargetMode="External"/><Relationship Id="rId65" Type="http://schemas.openxmlformats.org/officeDocument/2006/relationships/hyperlink" Target="http://www.ijceronline.com/papers/Vol6_issue5/A0650106.pdf" TargetMode="External"/><Relationship Id="rId86" Type="http://schemas.openxmlformats.org/officeDocument/2006/relationships/hyperlink" Target="https://www.ijarcce.com/upload/2016/march-16/IJARCCE%20261.pdf" TargetMode="External"/><Relationship Id="rId130" Type="http://schemas.openxmlformats.org/officeDocument/2006/relationships/hyperlink" Target="http://www.trp.org,in/" TargetMode="External"/><Relationship Id="rId151" Type="http://schemas.openxmlformats.org/officeDocument/2006/relationships/hyperlink" Target="http://www.ijsrd.com/" TargetMode="External"/><Relationship Id="rId368" Type="http://schemas.openxmlformats.org/officeDocument/2006/relationships/hyperlink" Target="https://scholar.google.co.in/citations?hl=en&amp;authuser=3&amp;user=mnZmy6gAAAAJ" TargetMode="External"/><Relationship Id="rId172" Type="http://schemas.openxmlformats.org/officeDocument/2006/relationships/hyperlink" Target="https://scholar.google.com/citations?user=cU1fcMMAAAAJ&amp;hl=en" TargetMode="External"/><Relationship Id="rId193" Type="http://schemas.openxmlformats.org/officeDocument/2006/relationships/hyperlink" Target="http://www.ijesrt.com/" TargetMode="External"/><Relationship Id="rId207" Type="http://schemas.openxmlformats.org/officeDocument/2006/relationships/hyperlink" Target="http://www.ijaiem.org/" TargetMode="External"/><Relationship Id="rId228" Type="http://schemas.openxmlformats.org/officeDocument/2006/relationships/hyperlink" Target="https://scholar.google.co.in/citations?user=hpnV0TIAAAAJ&amp;hl=en" TargetMode="External"/><Relationship Id="rId249" Type="http://schemas.openxmlformats.org/officeDocument/2006/relationships/hyperlink" Target="https://scholar.google.co.in/citations?user=7mBojZwAAAAJ&amp;hl=en" TargetMode="External"/><Relationship Id="rId13" Type="http://schemas.openxmlformats.org/officeDocument/2006/relationships/hyperlink" Target="http://ijates.com/images/short_pdf/1412098193_155.pdf" TargetMode="External"/><Relationship Id="rId109" Type="http://schemas.openxmlformats.org/officeDocument/2006/relationships/hyperlink" Target="http://www.rspublication.com/ijst/index.html" TargetMode="External"/><Relationship Id="rId260" Type="http://schemas.openxmlformats.org/officeDocument/2006/relationships/hyperlink" Target="https://www.ijsr.net/archive/v4i1/SUB141151.pdf" TargetMode="External"/><Relationship Id="rId281" Type="http://schemas.openxmlformats.org/officeDocument/2006/relationships/hyperlink" Target="https://scholar.google.co.in/citations?user=-q7c008AAAAJ&amp;hl=en" TargetMode="External"/><Relationship Id="rId316" Type="http://schemas.openxmlformats.org/officeDocument/2006/relationships/hyperlink" Target="http://oaji.net/articles/2014/1511-1419830834.pdf" TargetMode="External"/><Relationship Id="rId337" Type="http://schemas.openxmlformats.org/officeDocument/2006/relationships/hyperlink" Target="https://scholar.google.co.in/citations?user=DtjhCTcAAAAJ&amp;hl=en" TargetMode="External"/><Relationship Id="rId34" Type="http://schemas.openxmlformats.org/officeDocument/2006/relationships/hyperlink" Target="https://www.ijeecse.com/V5N2-029.pdf" TargetMode="External"/><Relationship Id="rId55" Type="http://schemas.openxmlformats.org/officeDocument/2006/relationships/hyperlink" Target="http://www.ijnrd.org/papers/IJNRD1706015.pdf" TargetMode="External"/><Relationship Id="rId76" Type="http://schemas.openxmlformats.org/officeDocument/2006/relationships/hyperlink" Target="http://www.ijmer.com/papers/Vol6_Issue3/Verson-3/H6335153.pdf" TargetMode="External"/><Relationship Id="rId97" Type="http://schemas.openxmlformats.org/officeDocument/2006/relationships/hyperlink" Target="http://ijirt.org/master/publishedpaper/IJIRT145129_PAPER.pdf" TargetMode="External"/><Relationship Id="rId120" Type="http://schemas.openxmlformats.org/officeDocument/2006/relationships/hyperlink" Target="https://scholar.google.co.in/citations?user=wdpMcp4AAAAJ&amp;hl=en" TargetMode="External"/><Relationship Id="rId141" Type="http://schemas.openxmlformats.org/officeDocument/2006/relationships/hyperlink" Target="http://www.ijret.com/" TargetMode="External"/><Relationship Id="rId358" Type="http://schemas.openxmlformats.org/officeDocument/2006/relationships/hyperlink" Target="https://www.researchgate.net/publication/299367096_A_REVIEW_ON_OPTIMIZATION_OF_ROTARY_TABLE_PALLETS" TargetMode="External"/><Relationship Id="rId7" Type="http://schemas.openxmlformats.org/officeDocument/2006/relationships/hyperlink" Target="https://www.technicaljournalsonline.com/ijeat/VOL%20V/IJAET%20VOL%20V%20ISSUE%20II%20APRIL%20JUNE%202014/Article%2023%20V%20II%202014.pdf" TargetMode="External"/><Relationship Id="rId162" Type="http://schemas.openxmlformats.org/officeDocument/2006/relationships/hyperlink" Target="https://scholar.google.com/citations?hl=en&amp;user=ff691OwAAAAJ" TargetMode="External"/><Relationship Id="rId183" Type="http://schemas.openxmlformats.org/officeDocument/2006/relationships/hyperlink" Target="http://www.ijtarme.com/" TargetMode="External"/><Relationship Id="rId218" Type="http://schemas.openxmlformats.org/officeDocument/2006/relationships/hyperlink" Target="https://scholar.google.com/citations?user=cU1fcMMAAAAJ&amp;hl=en" TargetMode="External"/><Relationship Id="rId239" Type="http://schemas.openxmlformats.org/officeDocument/2006/relationships/hyperlink" Target="https://scholar.google.co.in/citations?user=7mBojZwAAAAJ&amp;hl=en" TargetMode="External"/><Relationship Id="rId250" Type="http://schemas.openxmlformats.org/officeDocument/2006/relationships/hyperlink" Target="https://scholar.google.co.in/citations?user=7mBojZwAAAAJ&amp;hl=en" TargetMode="External"/><Relationship Id="rId271" Type="http://schemas.openxmlformats.org/officeDocument/2006/relationships/hyperlink" Target="https://www.researchgate.net/profile/Dhanashri_Dhokate/publication/298187358_Implementation_of_PadSteg_A_new_Steganography_method/links/56e698e608aedb4cc8af628c.pdf" TargetMode="External"/><Relationship Id="rId292" Type="http://schemas.openxmlformats.org/officeDocument/2006/relationships/hyperlink" Target="https://scholar.google.com/citations?user=iJLxwDUAAAAJ&amp;hl=en" TargetMode="External"/><Relationship Id="rId306" Type="http://schemas.openxmlformats.org/officeDocument/2006/relationships/hyperlink" Target="https://scholar.google.co.in/citations?user=6HpN3JgAAAAJ&amp;hl=en" TargetMode="External"/><Relationship Id="rId24" Type="http://schemas.openxmlformats.org/officeDocument/2006/relationships/hyperlink" Target="https://www.irjet.net/archives/V5/i6/IRJET-V5I695.pdf" TargetMode="External"/><Relationship Id="rId45" Type="http://schemas.openxmlformats.org/officeDocument/2006/relationships/hyperlink" Target="http://www.ijareeie.com/upload/2017/march/33_Detection.pdf" TargetMode="External"/><Relationship Id="rId66" Type="http://schemas.openxmlformats.org/officeDocument/2006/relationships/hyperlink" Target="http://oaji.net/articles/2017/1992-1514447684.pdf" TargetMode="External"/><Relationship Id="rId87" Type="http://schemas.openxmlformats.org/officeDocument/2006/relationships/hyperlink" Target="http://www.iaeme.com/MasterAdmin/UploadFolder/WORKLOAD%20ANALYSIS%20SECURITY%20ASPECTS%20AND%20OPTIMIZATION%20OF%20WORKLOAD%20IN%20HADOOP%20CLUSTERS/WORKLOAD%20ANALYSIS%20SECURITY%20ASPECTS%20AND%20OPTIMIZATION%20OF%20WORKLOAD%20IN%20HADOOP%20CLUSTERS.pdf" TargetMode="External"/><Relationship Id="rId110" Type="http://schemas.openxmlformats.org/officeDocument/2006/relationships/hyperlink" Target="https://rspublication.com/ijca/2013/aug13/7.pdf" TargetMode="External"/><Relationship Id="rId131" Type="http://schemas.openxmlformats.org/officeDocument/2006/relationships/hyperlink" Target="http://www.ijsrd.com/" TargetMode="External"/><Relationship Id="rId327" Type="http://schemas.openxmlformats.org/officeDocument/2006/relationships/hyperlink" Target="https://scholar.google.com/citations?hl=en&amp;user=ff691OwAAAAJ" TargetMode="External"/><Relationship Id="rId348" Type="http://schemas.openxmlformats.org/officeDocument/2006/relationships/hyperlink" Target="http://www.ijarse.com/images/fullpdf/1457613712_1010B.pdf" TargetMode="External"/><Relationship Id="rId369" Type="http://schemas.openxmlformats.org/officeDocument/2006/relationships/hyperlink" Target="https://scholar.google.co.in/citations?hl=en&amp;authuser=3&amp;user=mnZmy6gAAAAJ" TargetMode="External"/><Relationship Id="rId152" Type="http://schemas.openxmlformats.org/officeDocument/2006/relationships/hyperlink" Target="http://www.ijea.com/" TargetMode="External"/><Relationship Id="rId173" Type="http://schemas.openxmlformats.org/officeDocument/2006/relationships/hyperlink" Target="https://scholar.google.co.in/citations?user=jsIcme0AAAAJ&amp;hl=en" TargetMode="External"/><Relationship Id="rId194" Type="http://schemas.openxmlformats.org/officeDocument/2006/relationships/hyperlink" Target="http://www.ijetae.com/files/Volume4Issue5/IJETAE_0514_137.pdf" TargetMode="External"/><Relationship Id="rId208" Type="http://schemas.openxmlformats.org/officeDocument/2006/relationships/hyperlink" Target="http://www.ijsrms.com/" TargetMode="External"/><Relationship Id="rId229" Type="http://schemas.openxmlformats.org/officeDocument/2006/relationships/hyperlink" Target="https://scholar.google.co.in/citations?user=hpnV0TIAAAAJ&amp;hl=en" TargetMode="External"/><Relationship Id="rId240" Type="http://schemas.openxmlformats.org/officeDocument/2006/relationships/hyperlink" Target="https://scholar.google.co.in/citations?user=7mBojZwAAAAJ&amp;hl=en" TargetMode="External"/><Relationship Id="rId261" Type="http://schemas.openxmlformats.org/officeDocument/2006/relationships/hyperlink" Target="http://www.ijirt.org/master/publishedpaper/IJIRT101703_PAPER.pdf" TargetMode="External"/><Relationship Id="rId14" Type="http://schemas.openxmlformats.org/officeDocument/2006/relationships/hyperlink" Target="https://docs.google.com/viewer?url=http://www.ijeert.org/pdf/v2-i4/21.pdf&amp;embedded=true?iframe=true&amp;width=700&amp;height=450" TargetMode="External"/><Relationship Id="rId35" Type="http://schemas.openxmlformats.org/officeDocument/2006/relationships/hyperlink" Target="https://www.ijraset.com/fileserve.php?FID=12720" TargetMode="External"/><Relationship Id="rId56" Type="http://schemas.openxmlformats.org/officeDocument/2006/relationships/hyperlink" Target="http://ijesc.org/upload/393685d826529a191fb1570a5bcf1d4d.Synoptic%20Study%20of%20Abandoned%20Object%20Detection.pdf" TargetMode="External"/><Relationship Id="rId77" Type="http://schemas.openxmlformats.org/officeDocument/2006/relationships/hyperlink" Target="http://ijcsn.org/IJCSN-2016/5-2/Recognition-of-Real-or-Picture-Face-Using-Skin-Colour-Detection-and-Depth-Map-Information.pdf" TargetMode="External"/><Relationship Id="rId100" Type="http://schemas.openxmlformats.org/officeDocument/2006/relationships/hyperlink" Target="https://scholar.google.co.in/citations?user=wdpMcp4AAAAJ&amp;hl=en" TargetMode="External"/><Relationship Id="rId282" Type="http://schemas.openxmlformats.org/officeDocument/2006/relationships/hyperlink" Target="https://scholar.google.co.in/citations?user=-q7c008AAAAJ&amp;hl=en" TargetMode="External"/><Relationship Id="rId317" Type="http://schemas.openxmlformats.org/officeDocument/2006/relationships/hyperlink" Target="https://www.ijiert.org/paper-details?paper_id=140059" TargetMode="External"/><Relationship Id="rId338" Type="http://schemas.openxmlformats.org/officeDocument/2006/relationships/hyperlink" Target="https://scholar.google.co.in/citations?user=7NBKurgAAAAJ&amp;hl=en" TargetMode="External"/><Relationship Id="rId359" Type="http://schemas.openxmlformats.org/officeDocument/2006/relationships/hyperlink" Target="http://www.academia.edu/11483066/MAGNETOHYDRODYNAMICS_A_METHOD_FOR_PERFORMANCE_ENHANCEMENT_IN_AIR_CONDITIONING_AND_REFRIGERATION" TargetMode="External"/><Relationship Id="rId8" Type="http://schemas.openxmlformats.org/officeDocument/2006/relationships/hyperlink" Target="https://ijret.org/volumes/2014v03/i15/IJRET20140315129.pdf" TargetMode="External"/><Relationship Id="rId98" Type="http://schemas.openxmlformats.org/officeDocument/2006/relationships/hyperlink" Target="https://ijret.org/volumes/2016v05/i03/IJRET20160503048.pdf" TargetMode="External"/><Relationship Id="rId121" Type="http://schemas.openxmlformats.org/officeDocument/2006/relationships/hyperlink" Target="https://scholar.google.co.in/citations?user=wdpMcp4AAAAJ&amp;hl=en" TargetMode="External"/><Relationship Id="rId142" Type="http://schemas.openxmlformats.org/officeDocument/2006/relationships/hyperlink" Target="http://www.ijarse.com/" TargetMode="External"/><Relationship Id="rId163" Type="http://schemas.openxmlformats.org/officeDocument/2006/relationships/hyperlink" Target="https://scholar.google.com/citations?hl=en&amp;user=ff691OwAAAAJ" TargetMode="External"/><Relationship Id="rId184" Type="http://schemas.openxmlformats.org/officeDocument/2006/relationships/hyperlink" Target="http://www.jetir.org/" TargetMode="External"/><Relationship Id="rId219" Type="http://schemas.openxmlformats.org/officeDocument/2006/relationships/hyperlink" Target="https://scholar.google.com/citations?user=4gORtCAAAAAJ&amp;hl=en" TargetMode="External"/><Relationship Id="rId370" Type="http://schemas.openxmlformats.org/officeDocument/2006/relationships/hyperlink" Target="https://scholar.google.co.in/citations?hl=en&amp;authuser=3&amp;user=mnZmy6gAAAAJ" TargetMode="External"/><Relationship Id="rId230" Type="http://schemas.openxmlformats.org/officeDocument/2006/relationships/hyperlink" Target="https://scholar.google.co.in/citations?user=iJLxwDUAAAAJ&amp;hl=en" TargetMode="External"/><Relationship Id="rId251" Type="http://schemas.openxmlformats.org/officeDocument/2006/relationships/hyperlink" Target="https://scholar.google.co.in/citations?user=7mBojZwAAAAJ&amp;hl=en" TargetMode="External"/><Relationship Id="rId25" Type="http://schemas.openxmlformats.org/officeDocument/2006/relationships/hyperlink" Target="https://www.irjet.net/archives/V5/i3/IRJET-V5I3645.pdf" TargetMode="External"/><Relationship Id="rId46" Type="http://schemas.openxmlformats.org/officeDocument/2006/relationships/hyperlink" Target="https://www.ijraset.com/fileserve.php?FID=5539" TargetMode="External"/><Relationship Id="rId67" Type="http://schemas.openxmlformats.org/officeDocument/2006/relationships/hyperlink" Target="http://www.ijcsit.com/docs/Volume%206/vol6issue05/ijcsit20150605121.pdf" TargetMode="External"/><Relationship Id="rId272" Type="http://schemas.openxmlformats.org/officeDocument/2006/relationships/hyperlink" Target="https://ijritcc.com/index.php/ijritcc/article/view/5112" TargetMode="External"/><Relationship Id="rId293" Type="http://schemas.openxmlformats.org/officeDocument/2006/relationships/hyperlink" Target="https://scholar.google.com/citations?user=iJLxwDUAAAAJ&amp;hl=en" TargetMode="External"/><Relationship Id="rId307" Type="http://schemas.openxmlformats.org/officeDocument/2006/relationships/hyperlink" Target="http://www.journal4research.org/Article.php?manuscript=J4RV4I1013" TargetMode="External"/><Relationship Id="rId328" Type="http://schemas.openxmlformats.org/officeDocument/2006/relationships/hyperlink" Target="https://scholar.google.co.in/citations?user=iJLxwDUAAAAJ&amp;hl=en" TargetMode="External"/><Relationship Id="rId349" Type="http://schemas.openxmlformats.org/officeDocument/2006/relationships/hyperlink" Target="http://www.ijarse.com/images/fullpdf/1458134023_1093B.pdf" TargetMode="External"/><Relationship Id="rId88" Type="http://schemas.openxmlformats.org/officeDocument/2006/relationships/hyperlink" Target="https://www.slideshare.net/iaeme/real-time-face-recognition-system-using-eigen-faces-18056689" TargetMode="External"/><Relationship Id="rId111" Type="http://schemas.openxmlformats.org/officeDocument/2006/relationships/hyperlink" Target="http://toc.proceedings.com/20994webtoc.pdf" TargetMode="External"/><Relationship Id="rId132" Type="http://schemas.openxmlformats.org/officeDocument/2006/relationships/hyperlink" Target="http://www.ijsrd.com/" TargetMode="External"/><Relationship Id="rId153" Type="http://schemas.openxmlformats.org/officeDocument/2006/relationships/hyperlink" Target="http://www.ijirset.com/" TargetMode="External"/><Relationship Id="rId174" Type="http://schemas.openxmlformats.org/officeDocument/2006/relationships/hyperlink" Target="https://scholar.google.co.in/citations?user=LsvQ88EAAAAJ&amp;hl=en" TargetMode="External"/><Relationship Id="rId195" Type="http://schemas.openxmlformats.org/officeDocument/2006/relationships/hyperlink" Target="http://www.iaeme.com./" TargetMode="External"/><Relationship Id="rId209" Type="http://schemas.openxmlformats.org/officeDocument/2006/relationships/hyperlink" Target="http://www.technicaljournalsonline.com/" TargetMode="External"/><Relationship Id="rId360" Type="http://schemas.openxmlformats.org/officeDocument/2006/relationships/hyperlink" Target="https://www.slideshare.net/esatjournals/a-review-of-application-of-some-product-development-technoques-applied-in-engineering-industry" TargetMode="External"/><Relationship Id="rId220" Type="http://schemas.openxmlformats.org/officeDocument/2006/relationships/hyperlink" Target="https://scholar.google.co.in/citations?hl=en&amp;user=gOI6XjkAAAAJ&amp;gmla=AJsN-F64XMGvBBo6iT8jTJz4NGQ8wbVAC6Xk7l8t2z57-YF-fhrFMzDwp0pXBLyIgzztl3ysxiJuBlfNBP_e3DTd3IqP8mrNvd_TzXVXRW-3mIL6We2eNjQ&amp;sciund=17487642582817520468" TargetMode="External"/><Relationship Id="rId241" Type="http://schemas.openxmlformats.org/officeDocument/2006/relationships/hyperlink" Target="https://scholar.google.co.in/citations?user=7mBojZwAAAAJ&amp;hl=en" TargetMode="External"/><Relationship Id="rId15" Type="http://schemas.openxmlformats.org/officeDocument/2006/relationships/hyperlink" Target="https://www.ijraset.com/fileserve.php?FID=9076" TargetMode="External"/><Relationship Id="rId36" Type="http://schemas.openxmlformats.org/officeDocument/2006/relationships/hyperlink" Target="https://www.ripublication.com/ijaer17/ijaerv12n11_37.pdf" TargetMode="External"/><Relationship Id="rId57" Type="http://schemas.openxmlformats.org/officeDocument/2006/relationships/hyperlink" Target="https://www.onlinejournal.in/IJIRV3I3/191.pdf" TargetMode="External"/><Relationship Id="rId262" Type="http://schemas.openxmlformats.org/officeDocument/2006/relationships/hyperlink" Target="http://www.ijiere.com/FinalPaper/FinalPaperUrban%20Processing%20with%20Taxis170363.pdf" TargetMode="External"/><Relationship Id="rId283" Type="http://schemas.openxmlformats.org/officeDocument/2006/relationships/hyperlink" Target="https://scholar.google.com/citations?user=QtGIUwQAAAAJ&amp;hl=en" TargetMode="External"/><Relationship Id="rId318" Type="http://schemas.openxmlformats.org/officeDocument/2006/relationships/hyperlink" Target="https://www.ijiert.org/admin/papers/1421748896_Volume%202%20Issue%201.pdf" TargetMode="External"/><Relationship Id="rId339" Type="http://schemas.openxmlformats.org/officeDocument/2006/relationships/hyperlink" Target="http://ijsart.com/Home/PastIssue" TargetMode="External"/><Relationship Id="rId78" Type="http://schemas.openxmlformats.org/officeDocument/2006/relationships/hyperlink" Target="https://www.ijesm.co.in/uploads/68/3705_pdf.pdf" TargetMode="External"/><Relationship Id="rId99" Type="http://schemas.openxmlformats.org/officeDocument/2006/relationships/hyperlink" Target="https://ieeexplore.ieee.org/document/7155855" TargetMode="External"/><Relationship Id="rId101" Type="http://schemas.openxmlformats.org/officeDocument/2006/relationships/hyperlink" Target="https://scholar.google.co.in/citations?user=wdpMcp4AAAAJ&amp;hl=en" TargetMode="External"/><Relationship Id="rId122" Type="http://schemas.openxmlformats.org/officeDocument/2006/relationships/hyperlink" Target="https://scholar.google.co.in/citations?user=wdpMcp4AAAAJ&amp;hl=en" TargetMode="External"/><Relationship Id="rId143" Type="http://schemas.openxmlformats.org/officeDocument/2006/relationships/hyperlink" Target="http://www.ijea.com/" TargetMode="External"/><Relationship Id="rId164" Type="http://schemas.openxmlformats.org/officeDocument/2006/relationships/hyperlink" Target="https://scholar.google.com/citations?hl=en&amp;user=ff691OwAAAAJ" TargetMode="External"/><Relationship Id="rId185" Type="http://schemas.openxmlformats.org/officeDocument/2006/relationships/hyperlink" Target="https://scholar.google.co.in/citations?user=wdpMcp4AAAAJ&amp;hl=en" TargetMode="External"/><Relationship Id="rId350" Type="http://schemas.openxmlformats.org/officeDocument/2006/relationships/hyperlink" Target="http://data.conferenceworld.in/BHIMA/P493-498.pdf" TargetMode="External"/><Relationship Id="rId371" Type="http://schemas.openxmlformats.org/officeDocument/2006/relationships/hyperlink" Target="https://scholar.google.co.in/citations?hl=en&amp;authuser=3&amp;user=mnZmy6gAAAAJ" TargetMode="External"/><Relationship Id="rId4" Type="http://schemas.openxmlformats.org/officeDocument/2006/relationships/hyperlink" Target="https://www.elsevier.com/locate/issn/2214-7853" TargetMode="External"/><Relationship Id="rId9" Type="http://schemas.openxmlformats.org/officeDocument/2006/relationships/hyperlink" Target="http://www.technicaljournalsonline.com/ijeat/VOL%20V/IJAET%20VOL%20V%20ISSUE%20II%20APRIL%20JUNE%202014/Article%2024%20V%20II%202014.pdf" TargetMode="External"/><Relationship Id="rId180" Type="http://schemas.openxmlformats.org/officeDocument/2006/relationships/hyperlink" Target="https://scholar.google.com/citations?user=y_oHPIkAAAAJ" TargetMode="External"/><Relationship Id="rId210" Type="http://schemas.openxmlformats.org/officeDocument/2006/relationships/hyperlink" Target="http://www.ijtel.org/" TargetMode="External"/><Relationship Id="rId215" Type="http://schemas.openxmlformats.org/officeDocument/2006/relationships/hyperlink" Target="https://scholar.google.co.in/citations?user=LsvQ88EAAAAJ&amp;hl=en" TargetMode="External"/><Relationship Id="rId236" Type="http://schemas.openxmlformats.org/officeDocument/2006/relationships/hyperlink" Target="http://ijesc.org/upload/0023b74614254303154537a3acfa53e6.Flow%20and%20Temperature%20Control%20for%20an%20Innovative%20Hyperthermic%20Intraperitoneal%20Chemotherapy.pdf" TargetMode="External"/><Relationship Id="rId257" Type="http://schemas.openxmlformats.org/officeDocument/2006/relationships/hyperlink" Target="https://ijritcc.com/index.php/ijritcc/article/view/1717/1717" TargetMode="External"/><Relationship Id="rId278" Type="http://schemas.openxmlformats.org/officeDocument/2006/relationships/hyperlink" Target="https://scholar.google.co.in/citations?user=5FVPLGoAAAAJ&amp;hl=en" TargetMode="External"/><Relationship Id="rId26" Type="http://schemas.openxmlformats.org/officeDocument/2006/relationships/hyperlink" Target="http://www.irdindia.in/journal_ijaeee/pdf/vol4_iss2/8.pdf" TargetMode="External"/><Relationship Id="rId231" Type="http://schemas.openxmlformats.org/officeDocument/2006/relationships/hyperlink" Target="https://scholar.google.co.in/citations?user=hpnV0TIAAAAJ&amp;hl=en" TargetMode="External"/><Relationship Id="rId252" Type="http://schemas.openxmlformats.org/officeDocument/2006/relationships/hyperlink" Target="https://www.ijarcce.com/upload/2016/march-16/IJARCCE%20262.pdf" TargetMode="External"/><Relationship Id="rId273" Type="http://schemas.openxmlformats.org/officeDocument/2006/relationships/hyperlink" Target="http://www.ijircst.org/DOC/17_IRP231_2c1a0d98e-5838-48c4-9d46-39373b6124c2.pdf" TargetMode="External"/><Relationship Id="rId294" Type="http://schemas.openxmlformats.org/officeDocument/2006/relationships/hyperlink" Target="https://scholar.google.com/citations?user=iJLxwDUAAAAJ&amp;hl=en" TargetMode="External"/><Relationship Id="rId308" Type="http://schemas.openxmlformats.org/officeDocument/2006/relationships/hyperlink" Target="https://www.irjet.net/archives/V5/i4/IRJET-V5I4164.pdf" TargetMode="External"/><Relationship Id="rId329" Type="http://schemas.openxmlformats.org/officeDocument/2006/relationships/hyperlink" Target="https://scholar.google.co.in/citations?user=-q7c008AAAAJ&amp;hl=en" TargetMode="External"/><Relationship Id="rId47" Type="http://schemas.openxmlformats.org/officeDocument/2006/relationships/hyperlink" Target="https://www.ijirset.com/upload/2016/november/13_Design.pdf" TargetMode="External"/><Relationship Id="rId68" Type="http://schemas.openxmlformats.org/officeDocument/2006/relationships/hyperlink" Target="http://ipasj.org/IIJEC/Volume3Issue12/IIJEC-2015-12-17-4.pdf" TargetMode="External"/><Relationship Id="rId89" Type="http://schemas.openxmlformats.org/officeDocument/2006/relationships/hyperlink" Target="https://archive.org/stream/Httpiaeme...07_01...pdf/IJCET_07_01_011_djvu.txt" TargetMode="External"/><Relationship Id="rId112" Type="http://schemas.openxmlformats.org/officeDocument/2006/relationships/hyperlink" Target="http://www.rspublication.com/ijca/ijca_index.htm" TargetMode="External"/><Relationship Id="rId133" Type="http://schemas.openxmlformats.org/officeDocument/2006/relationships/hyperlink" Target="https://link.springer.com/chapter/10.1007/978-3-319-53556-2-14" TargetMode="External"/><Relationship Id="rId154" Type="http://schemas.openxmlformats.org/officeDocument/2006/relationships/hyperlink" Target="http://www.ijseries.com/" TargetMode="External"/><Relationship Id="rId175" Type="http://schemas.openxmlformats.org/officeDocument/2006/relationships/hyperlink" Target="https://scholar.google.co.in/citations?user=LsvQ88EAAAAJ&amp;hl=en" TargetMode="External"/><Relationship Id="rId340" Type="http://schemas.openxmlformats.org/officeDocument/2006/relationships/hyperlink" Target="http://troindia.in/journal/ijcesr/vol3iss1part2/82-88,%20,%20069.pdf" TargetMode="External"/><Relationship Id="rId361" Type="http://schemas.openxmlformats.org/officeDocument/2006/relationships/hyperlink" Target="http://ijiet.com/wp-content/uploads/2013/10/8.pdf" TargetMode="External"/><Relationship Id="rId196" Type="http://schemas.openxmlformats.org/officeDocument/2006/relationships/hyperlink" Target="http://www.ijsr.net/" TargetMode="External"/><Relationship Id="rId200" Type="http://schemas.openxmlformats.org/officeDocument/2006/relationships/hyperlink" Target="https://scholar.google.co.in/citations?user=wdpMcp4AAAAJ&amp;hl=en" TargetMode="External"/><Relationship Id="rId16" Type="http://schemas.openxmlformats.org/officeDocument/2006/relationships/hyperlink" Target="https://www.ijraset.com/fileserve.php?FID=9056" TargetMode="External"/><Relationship Id="rId221" Type="http://schemas.openxmlformats.org/officeDocument/2006/relationships/hyperlink" Target="https://scholar.google.com/citations?user=DoSrQKsoFloC&amp;hl=en" TargetMode="External"/><Relationship Id="rId242" Type="http://schemas.openxmlformats.org/officeDocument/2006/relationships/hyperlink" Target="https://scholar.google.co.in/citations?user=7mBojZwAAAAJ&amp;hl=en" TargetMode="External"/><Relationship Id="rId263" Type="http://schemas.openxmlformats.org/officeDocument/2006/relationships/hyperlink" Target="http://www.ijircce.com/upload/2016/march/58_A%20SURVEY.pdf" TargetMode="External"/><Relationship Id="rId284" Type="http://schemas.openxmlformats.org/officeDocument/2006/relationships/hyperlink" Target="https://scholar.google.com/citations?user=QtGIUwQAAAAJ&amp;hl=en" TargetMode="External"/><Relationship Id="rId319" Type="http://schemas.openxmlformats.org/officeDocument/2006/relationships/hyperlink" Target="https://www.ijaiem.org/pabstract2.php?pid=IJAIEM-2015-03-12-24" TargetMode="External"/><Relationship Id="rId37" Type="http://schemas.openxmlformats.org/officeDocument/2006/relationships/hyperlink" Target="https://ieeexplore.ieee.org/document/8390150" TargetMode="External"/><Relationship Id="rId58" Type="http://schemas.openxmlformats.org/officeDocument/2006/relationships/hyperlink" Target="https://www.onlinejournal.in/IJIRV2I10/131.pdf" TargetMode="External"/><Relationship Id="rId79" Type="http://schemas.openxmlformats.org/officeDocument/2006/relationships/hyperlink" Target="https://www.ijirset.com/upload/2018/may/66_Tuning.pdf" TargetMode="External"/><Relationship Id="rId102" Type="http://schemas.openxmlformats.org/officeDocument/2006/relationships/hyperlink" Target="http://www.ijirae.com/volumes/vol1/issue7/AUCS10082.01.pdf" TargetMode="External"/><Relationship Id="rId123" Type="http://schemas.openxmlformats.org/officeDocument/2006/relationships/hyperlink" Target="https://scholar.google.com/citations?hl=en&amp;user=ff691OwAAAAJ" TargetMode="External"/><Relationship Id="rId144" Type="http://schemas.openxmlformats.org/officeDocument/2006/relationships/hyperlink" Target="http://www.ijsrd.com/" TargetMode="External"/><Relationship Id="rId330" Type="http://schemas.openxmlformats.org/officeDocument/2006/relationships/hyperlink" Target="https://ijste.org/Article.php?manuscript=IJSTEV3I8032" TargetMode="External"/><Relationship Id="rId90" Type="http://schemas.openxmlformats.org/officeDocument/2006/relationships/hyperlink" Target="https://www.researchgate.net/publication/312372026_Novel_Method_to_Improve_ACO_Performance_on_the_GPU_Using_CUDA_for_Nurse_Roster_Scheduling_Problem" TargetMode="External"/><Relationship Id="rId165" Type="http://schemas.openxmlformats.org/officeDocument/2006/relationships/hyperlink" Target="https://scholar.google.co.in/citations?user=LsvQ88EAAAAJ&amp;hl=en" TargetMode="External"/><Relationship Id="rId186" Type="http://schemas.openxmlformats.org/officeDocument/2006/relationships/hyperlink" Target="https://scholar.google.co.in/citations?user=wdpMcp4AAAAJ&amp;hl=en" TargetMode="External"/><Relationship Id="rId351" Type="http://schemas.openxmlformats.org/officeDocument/2006/relationships/hyperlink" Target="http://www.ijstm.com/images/short_pdf/1458137789_1014B.pdf" TargetMode="External"/><Relationship Id="rId372" Type="http://schemas.openxmlformats.org/officeDocument/2006/relationships/hyperlink" Target="https://scholar.google.co.in/citations?hl=en&amp;authuser=3&amp;user=mnZmy6gAAAAJ" TargetMode="External"/><Relationship Id="rId211" Type="http://schemas.openxmlformats.org/officeDocument/2006/relationships/hyperlink" Target="http://theglobaljournals.com/ijsr/" TargetMode="External"/><Relationship Id="rId232" Type="http://schemas.openxmlformats.org/officeDocument/2006/relationships/hyperlink" Target="https://scholar.google.co.in/citations?user=hpnV0TIAAAAJ&amp;hl=en" TargetMode="External"/><Relationship Id="rId253" Type="http://schemas.openxmlformats.org/officeDocument/2006/relationships/hyperlink" Target="https://www.irjet.net/archives/V3/i5/IRJET-V3I5640.pdf" TargetMode="External"/><Relationship Id="rId274" Type="http://schemas.openxmlformats.org/officeDocument/2006/relationships/hyperlink" Target="http://www.rspublication.com/ijst/index.html" TargetMode="External"/><Relationship Id="rId295" Type="http://schemas.openxmlformats.org/officeDocument/2006/relationships/hyperlink" Target="https://scholar.google.com/citations?user=iJLxwDUAAAAJ&amp;hl=en" TargetMode="External"/><Relationship Id="rId309" Type="http://schemas.openxmlformats.org/officeDocument/2006/relationships/hyperlink" Target="http://www.grdjournals.com/grdje" TargetMode="External"/><Relationship Id="rId27" Type="http://schemas.openxmlformats.org/officeDocument/2006/relationships/hyperlink" Target="http://www.irjet.net/archives/V3/i6/IRJET-V3I6203.pdf" TargetMode="External"/><Relationship Id="rId48" Type="http://schemas.openxmlformats.org/officeDocument/2006/relationships/hyperlink" Target="https://www.ijireeice.com/upload/2016/may-16/IJIREEICE%2094.pdf" TargetMode="External"/><Relationship Id="rId69" Type="http://schemas.openxmlformats.org/officeDocument/2006/relationships/hyperlink" Target="https://pdfs.semanticscholar.org/23dd/88b909182a8a69848e5476c3d76e014fb97d.pdf" TargetMode="External"/><Relationship Id="rId113" Type="http://schemas.openxmlformats.org/officeDocument/2006/relationships/hyperlink" Target="http://www.rspublication.com/ijst/index.html" TargetMode="External"/><Relationship Id="rId134" Type="http://schemas.openxmlformats.org/officeDocument/2006/relationships/hyperlink" Target="http://www.ijsrd.com/" TargetMode="External"/><Relationship Id="rId320" Type="http://schemas.openxmlformats.org/officeDocument/2006/relationships/hyperlink" Target="http://www.academia.edu/11884320/RAPESEED_AN_ALTERNATIVE_BIODIESEL" TargetMode="External"/><Relationship Id="rId80" Type="http://schemas.openxmlformats.org/officeDocument/2006/relationships/hyperlink" Target="https://www.ijirset.com/upload/2016/november/13_Design.pdf" TargetMode="External"/><Relationship Id="rId155" Type="http://schemas.openxmlformats.org/officeDocument/2006/relationships/hyperlink" Target="http://dx.doi.org./10.20431/2454-9711.0201005" TargetMode="External"/><Relationship Id="rId176" Type="http://schemas.openxmlformats.org/officeDocument/2006/relationships/hyperlink" Target="https://scholar.google.co.in/citations?user=LsvQ88EAAAAJ&amp;hl=en" TargetMode="External"/><Relationship Id="rId197" Type="http://schemas.openxmlformats.org/officeDocument/2006/relationships/hyperlink" Target="http://www.ijsr.net/" TargetMode="External"/><Relationship Id="rId341" Type="http://schemas.openxmlformats.org/officeDocument/2006/relationships/hyperlink" Target="https://www.irjet.net/archives/V3/i1/IRJET-V3I1101.pdf" TargetMode="External"/><Relationship Id="rId362" Type="http://schemas.openxmlformats.org/officeDocument/2006/relationships/hyperlink" Target="https://www.ijert.org/research/thermodynamic-and-hydrodynamic-performance-of-double-pipe-heat-exchanger-with-bended-strips-IJERTV2IS100376.pdf" TargetMode="External"/><Relationship Id="rId201" Type="http://schemas.openxmlformats.org/officeDocument/2006/relationships/hyperlink" Target="http://ijirt.org/master/publishedpaper/IJIRT146558_PAPER.pdf" TargetMode="External"/><Relationship Id="rId222" Type="http://schemas.openxmlformats.org/officeDocument/2006/relationships/hyperlink" Target="https://www.irjet.net/archives/V4/i12/IRJET-V4I12119.pdf" TargetMode="External"/><Relationship Id="rId243" Type="http://schemas.openxmlformats.org/officeDocument/2006/relationships/hyperlink" Target="https://scholar.google.co.in/citations?user=7mBojZwAAAAJ&amp;hl=en" TargetMode="External"/><Relationship Id="rId264" Type="http://schemas.openxmlformats.org/officeDocument/2006/relationships/hyperlink" Target="http://www.ijiere.com/FinalPaper/FinalPaperUrban%20Processing%20with%20Taxis170363.pdf" TargetMode="External"/><Relationship Id="rId285" Type="http://schemas.openxmlformats.org/officeDocument/2006/relationships/hyperlink" Target="https://scholar.google.com/citations?user=QtGIUwQAAAAJ&amp;hl=en" TargetMode="External"/><Relationship Id="rId17" Type="http://schemas.openxmlformats.org/officeDocument/2006/relationships/hyperlink" Target="https://www.onlinejournal.in/IJIRV3I8/061.pdf" TargetMode="External"/><Relationship Id="rId38" Type="http://schemas.openxmlformats.org/officeDocument/2006/relationships/hyperlink" Target="http://www.indjst.org/index.php/indjst/pages/view/atj" TargetMode="External"/><Relationship Id="rId59" Type="http://schemas.openxmlformats.org/officeDocument/2006/relationships/hyperlink" Target="https://www.onlinejournal.in/IJIRV3I3/191.pdf" TargetMode="External"/><Relationship Id="rId103" Type="http://schemas.openxmlformats.org/officeDocument/2006/relationships/hyperlink" Target="http://www.ijirt.org/master/publishedpaper/IJIRT101730_PAPER.pdf" TargetMode="External"/><Relationship Id="rId124" Type="http://schemas.openxmlformats.org/officeDocument/2006/relationships/hyperlink" Target="https://scholar.google.com/citations?hl=en&amp;user=ff691OwAAAAJ" TargetMode="External"/><Relationship Id="rId310" Type="http://schemas.openxmlformats.org/officeDocument/2006/relationships/hyperlink" Target="https://www.irjet.net/archives/V3/i10/IRJET-V3I10190.pdf" TargetMode="External"/><Relationship Id="rId70" Type="http://schemas.openxmlformats.org/officeDocument/2006/relationships/hyperlink" Target="../../../nacc" TargetMode="External"/><Relationship Id="rId91" Type="http://schemas.openxmlformats.org/officeDocument/2006/relationships/hyperlink" Target="http://ijaret.com/wp-content/themes/felicity/issues/vol3issue2/prasad.pdf" TargetMode="External"/><Relationship Id="rId145" Type="http://schemas.openxmlformats.org/officeDocument/2006/relationships/hyperlink" Target="http://www.ijsrd.com/" TargetMode="External"/><Relationship Id="rId166" Type="http://schemas.openxmlformats.org/officeDocument/2006/relationships/hyperlink" Target="https://scholar.google.com/citations?hl=en&amp;user=ff691OwAAAAJ" TargetMode="External"/><Relationship Id="rId187" Type="http://schemas.openxmlformats.org/officeDocument/2006/relationships/hyperlink" Target="http://www.ijair.ictjournals.com/" TargetMode="External"/><Relationship Id="rId331" Type="http://schemas.openxmlformats.org/officeDocument/2006/relationships/hyperlink" Target="http://www.ijates.com/images/short_pdf/1455874284_628Y.pdf" TargetMode="External"/><Relationship Id="rId352" Type="http://schemas.openxmlformats.org/officeDocument/2006/relationships/hyperlink" Target="https://www.researchgate.net/publication/307142725_An_investigative_study_on_application_of_carbon_nanotubes_for_strain_sensing" TargetMode="External"/><Relationship Id="rId373" Type="http://schemas.openxmlformats.org/officeDocument/2006/relationships/hyperlink" Target="https://scholar.google.com/citations?user=PBNDuG8AAAAJ&amp;hl=en" TargetMode="External"/><Relationship Id="rId1" Type="http://schemas.openxmlformats.org/officeDocument/2006/relationships/hyperlink" Target="https://www.elsevier.com/locate/issn/2214-7853" TargetMode="External"/><Relationship Id="rId212" Type="http://schemas.openxmlformats.org/officeDocument/2006/relationships/hyperlink" Target="http://www.ijsret.org/" TargetMode="External"/><Relationship Id="rId233" Type="http://schemas.openxmlformats.org/officeDocument/2006/relationships/hyperlink" Target="https://scholar.google.co.in/citations?user=hpnV0TIAAAAJ&amp;hl=en" TargetMode="External"/><Relationship Id="rId254" Type="http://schemas.openxmlformats.org/officeDocument/2006/relationships/hyperlink" Target="https://www.researchgate.net/.../312372026_Novel_Method_to_Improve_ACO_Perform&#8230;" TargetMode="External"/><Relationship Id="rId28" Type="http://schemas.openxmlformats.org/officeDocument/2006/relationships/hyperlink" Target="http://data.conferenceworld.in/NMCOE18/42.pdf" TargetMode="External"/><Relationship Id="rId49" Type="http://schemas.openxmlformats.org/officeDocument/2006/relationships/hyperlink" Target="http://www.ijareeie.com/upload/2016/june/96_Comparative.pdf" TargetMode="External"/><Relationship Id="rId114" Type="http://schemas.openxmlformats.org/officeDocument/2006/relationships/hyperlink" Target="http://www.iosrjournals.org/iosr-jece/papers/sicete-volume3/38.pdf" TargetMode="External"/><Relationship Id="rId275" Type="http://schemas.openxmlformats.org/officeDocument/2006/relationships/hyperlink" Target="http://ijirt.org/master/publishedpaper/IJIRT146560_PAPER.pdf" TargetMode="External"/><Relationship Id="rId296" Type="http://schemas.openxmlformats.org/officeDocument/2006/relationships/hyperlink" Target="https://scholar.google.co.in/citations?user=5FVPLGoAAAAJ&amp;hl=en" TargetMode="External"/><Relationship Id="rId300" Type="http://schemas.openxmlformats.org/officeDocument/2006/relationships/hyperlink" Target="https://scholar.google.co.in/citations?user=5FVPLGoAAAAJ&amp;hl=en" TargetMode="External"/><Relationship Id="rId60" Type="http://schemas.openxmlformats.org/officeDocument/2006/relationships/hyperlink" Target="http://ijesc.org/upload/b285129268c8b27326f51e09ac481aa8.Comprehensive%20Study%20of%20Video%20Stegnography%20Algorithms.pdf" TargetMode="External"/><Relationship Id="rId81" Type="http://schemas.openxmlformats.org/officeDocument/2006/relationships/hyperlink" Target="http://www.journaleet.org/index.php/jeet/article/download/85553/65689" TargetMode="External"/><Relationship Id="rId135" Type="http://schemas.openxmlformats.org/officeDocument/2006/relationships/hyperlink" Target="http://www.ijsrd.com/" TargetMode="External"/><Relationship Id="rId156" Type="http://schemas.openxmlformats.org/officeDocument/2006/relationships/hyperlink" Target="http://www.ijaestonline.com/" TargetMode="External"/><Relationship Id="rId177" Type="http://schemas.openxmlformats.org/officeDocument/2006/relationships/hyperlink" Target="https://scholar.google.co.in/citations?user=LsvQ88EAAAAJ&amp;hl=en" TargetMode="External"/><Relationship Id="rId198" Type="http://schemas.openxmlformats.org/officeDocument/2006/relationships/hyperlink" Target="http://www.ijret.org/" TargetMode="External"/><Relationship Id="rId321" Type="http://schemas.openxmlformats.org/officeDocument/2006/relationships/hyperlink" Target="http://oaji.net/articles/2014/1511-1419830682.pdf" TargetMode="External"/><Relationship Id="rId342" Type="http://schemas.openxmlformats.org/officeDocument/2006/relationships/hyperlink" Target="https://www.ijarse.com/images/fullpdf/1455861363_606Y.pdf" TargetMode="External"/><Relationship Id="rId363" Type="http://schemas.openxmlformats.org/officeDocument/2006/relationships/hyperlink" Target="http://www.tjprc.org/publishpapers/2-67-1380634883-6.%20Mech%20-%20IJMPERD%20-PERFORMANCE%20%20-%20Shaikh%20-%20Full.pdf" TargetMode="External"/><Relationship Id="rId202" Type="http://schemas.openxmlformats.org/officeDocument/2006/relationships/hyperlink" Target="http://www.iaeme.com/" TargetMode="External"/><Relationship Id="rId223" Type="http://schemas.openxmlformats.org/officeDocument/2006/relationships/hyperlink" Target="https://scholar.google.co.in/citations?view_op=list_works&amp;hl=en&amp;user=j_AQ0f0AAAAJ&amp;gmla=AJsN-F5zPtgtDn-qnfZFjatEBJCwbNfZibbz6eolHVl0sAIdq_6vKZ1v7P3FSQ-iQhiaB1oqdCaupx3Q06xZhpZMByoL8CJK1mFye1tNqt26kHRvnoY33v8&amp;sciund=15656036771042146494&amp;gmla=AJsN-F6v7BiBOUkjpenhCr8QABikDnspB-lRL9e5uvVO2mXrvlzpTR7gO8qavxqcfbou3Dfa9pb-q4yTkxzCn5SDxzC7cT4-hAyvNNuAhLgjcAwIjJLxv24&amp;sciund=15258926140392282104" TargetMode="External"/><Relationship Id="rId244" Type="http://schemas.openxmlformats.org/officeDocument/2006/relationships/hyperlink" Target="https://scholar.google.co.in/citations?user=7mBojZwAAAAJ&amp;hl=en" TargetMode="External"/><Relationship Id="rId18" Type="http://schemas.openxmlformats.org/officeDocument/2006/relationships/hyperlink" Target="https://www.onlinejournal.in/IJIRV3I8/062.pdf" TargetMode="External"/><Relationship Id="rId39" Type="http://schemas.openxmlformats.org/officeDocument/2006/relationships/hyperlink" Target="http://www.ijarse.com/images/fullpdf/1505992291_IETEPune832.pdf" TargetMode="External"/><Relationship Id="rId265" Type="http://schemas.openxmlformats.org/officeDocument/2006/relationships/hyperlink" Target="http://www.ijirt.org/master/publishedpaper/IJIRT101703_PAPER.pdf" TargetMode="External"/><Relationship Id="rId286" Type="http://schemas.openxmlformats.org/officeDocument/2006/relationships/hyperlink" Target="https://scholar.google.com/citations?user=QtGIUwQAAAAJ&amp;hl=en" TargetMode="External"/><Relationship Id="rId50" Type="http://schemas.openxmlformats.org/officeDocument/2006/relationships/hyperlink" Target="https://www.ijareeie.com/upload/2016/june/upload/2016/june/95_Automatic.pdf" TargetMode="External"/><Relationship Id="rId104" Type="http://schemas.openxmlformats.org/officeDocument/2006/relationships/hyperlink" Target="http://ijarcsse.com/Before_August_2017/docs/papers/Volume_5/3_March2015/V5I3-0104.pdf" TargetMode="External"/><Relationship Id="rId125" Type="http://schemas.openxmlformats.org/officeDocument/2006/relationships/hyperlink" Target="https://scholar.google.com/citations?hl=en&amp;user=ff691OwAAAAJ" TargetMode="External"/><Relationship Id="rId146" Type="http://schemas.openxmlformats.org/officeDocument/2006/relationships/hyperlink" Target="http://www.ijsrd.com/" TargetMode="External"/><Relationship Id="rId167" Type="http://schemas.openxmlformats.org/officeDocument/2006/relationships/hyperlink" Target="https://scholar.google.co.in/citations?user=jsIcme0AAAAJ&amp;hl=en" TargetMode="External"/><Relationship Id="rId188" Type="http://schemas.openxmlformats.org/officeDocument/2006/relationships/hyperlink" Target="http://www.ijeijournal.com/" TargetMode="External"/><Relationship Id="rId311" Type="http://schemas.openxmlformats.org/officeDocument/2006/relationships/hyperlink" Target="http://ijsrd.com/Article.php?manuscript=IJSRDV5I10525" TargetMode="External"/><Relationship Id="rId332" Type="http://schemas.openxmlformats.org/officeDocument/2006/relationships/hyperlink" Target="http://data.conferenceworld.in/BHIMA/P190-194.pdf" TargetMode="External"/><Relationship Id="rId353" Type="http://schemas.openxmlformats.org/officeDocument/2006/relationships/hyperlink" Target="http://www.academia.edu/10099093/Review_Paper_on_Application_of_Variable_Displacement_Linkage_in_Radial_Piston_Pump" TargetMode="External"/><Relationship Id="rId374" Type="http://schemas.openxmlformats.org/officeDocument/2006/relationships/hyperlink" Target="https://scholar.google.com/citations?user=PBNDuG8AAAAJ&amp;hl=en" TargetMode="External"/><Relationship Id="rId71" Type="http://schemas.openxmlformats.org/officeDocument/2006/relationships/hyperlink" Target="http://www.ijirt.org/Article?manuscript=101739" TargetMode="External"/><Relationship Id="rId92" Type="http://schemas.openxmlformats.org/officeDocument/2006/relationships/hyperlink" Target="http://ijirt.org/master/publishedpaper/IJIRT146560_PAPER.pdf" TargetMode="External"/><Relationship Id="rId213" Type="http://schemas.openxmlformats.org/officeDocument/2006/relationships/hyperlink" Target="http://www.ijsr.net/" TargetMode="External"/><Relationship Id="rId234" Type="http://schemas.openxmlformats.org/officeDocument/2006/relationships/hyperlink" Target="https://scholar.google.co.in/citations?user=hpnV0TIAAAAJ&amp;hl=en" TargetMode="External"/><Relationship Id="rId2" Type="http://schemas.openxmlformats.org/officeDocument/2006/relationships/hyperlink" Target="https://www.elsevier.com/locate/issn/2214-7853" TargetMode="External"/><Relationship Id="rId29" Type="http://schemas.openxmlformats.org/officeDocument/2006/relationships/hyperlink" Target="http://www.arresearchpublication.com/images/shortpdf/1490708845_GS196ijeee.pdf" TargetMode="External"/><Relationship Id="rId255" Type="http://schemas.openxmlformats.org/officeDocument/2006/relationships/hyperlink" Target="https://www.ijarcce.com/upload/2016/march-16/IJARCCE%20261.pdf" TargetMode="External"/><Relationship Id="rId276" Type="http://schemas.openxmlformats.org/officeDocument/2006/relationships/hyperlink" Target="https://scholar.google.co.in/citations?user=5FVPLGoAAAAJ&amp;hl=en" TargetMode="External"/><Relationship Id="rId297" Type="http://schemas.openxmlformats.org/officeDocument/2006/relationships/hyperlink" Target="https://scholar.google.co.in/citations?user=5FVPLGoAAAAJ&amp;hl=en" TargetMode="External"/><Relationship Id="rId40" Type="http://schemas.openxmlformats.org/officeDocument/2006/relationships/hyperlink" Target="http://www.ijarse.com/images/fullpdf/1505992291_IETEPune832.pdf" TargetMode="External"/><Relationship Id="rId115" Type="http://schemas.openxmlformats.org/officeDocument/2006/relationships/hyperlink" Target="https://ijritcc.com/index.php/ijritcc/article/view/5013" TargetMode="External"/><Relationship Id="rId136" Type="http://schemas.openxmlformats.org/officeDocument/2006/relationships/hyperlink" Target="http://www.ijrsd.com/" TargetMode="External"/><Relationship Id="rId157" Type="http://schemas.openxmlformats.org/officeDocument/2006/relationships/hyperlink" Target="http://www.ijaestonline.com/" TargetMode="External"/><Relationship Id="rId178" Type="http://schemas.openxmlformats.org/officeDocument/2006/relationships/hyperlink" Target="https://scholar.google.com/citations?user=y_oHPIkAAAAJ" TargetMode="External"/><Relationship Id="rId301" Type="http://schemas.openxmlformats.org/officeDocument/2006/relationships/hyperlink" Target="https://scholar.google.co.in/citations?hl=en&amp;user=yhHFh70AAAAJ" TargetMode="External"/><Relationship Id="rId322" Type="http://schemas.openxmlformats.org/officeDocument/2006/relationships/hyperlink" Target="http://www.ijeit.com/Vol%203/Issue%202/IJEIT1412201308_61.pdf" TargetMode="External"/><Relationship Id="rId343" Type="http://schemas.openxmlformats.org/officeDocument/2006/relationships/hyperlink" Target="http://data.conferenceworld.in/BHIMA/P1043-1047.pdf" TargetMode="External"/><Relationship Id="rId364" Type="http://schemas.openxmlformats.org/officeDocument/2006/relationships/hyperlink" Target="http://www.ijse.org./content.php" TargetMode="External"/><Relationship Id="rId61" Type="http://schemas.openxmlformats.org/officeDocument/2006/relationships/hyperlink" Target="http://www.ijsrd.com/articles/IJSRDV5I41249.pdf" TargetMode="External"/><Relationship Id="rId82" Type="http://schemas.openxmlformats.org/officeDocument/2006/relationships/hyperlink" Target="http://ijirt.org/master/publishedpaper/IJIRT142804_PAPER.pdf" TargetMode="External"/><Relationship Id="rId199" Type="http://schemas.openxmlformats.org/officeDocument/2006/relationships/hyperlink" Target="https://scholar.google.com/citations?hl=en&amp;user=ff691OwAAAAJ" TargetMode="External"/><Relationship Id="rId203" Type="http://schemas.openxmlformats.org/officeDocument/2006/relationships/hyperlink" Target="http://www.iaeme.com/" TargetMode="External"/><Relationship Id="rId19" Type="http://schemas.openxmlformats.org/officeDocument/2006/relationships/hyperlink" Target="https://www.onlinejournal.in/IJIRV3I8/103.pdf" TargetMode="External"/><Relationship Id="rId224" Type="http://schemas.openxmlformats.org/officeDocument/2006/relationships/hyperlink" Target="https://www.ijates.com/images/short_pdf/1412188921_349.pdf" TargetMode="External"/><Relationship Id="rId245" Type="http://schemas.openxmlformats.org/officeDocument/2006/relationships/hyperlink" Target="https://scholar.google.co.in/citations?user=7mBojZwAAAAJ&amp;hl=en" TargetMode="External"/><Relationship Id="rId266" Type="http://schemas.openxmlformats.org/officeDocument/2006/relationships/hyperlink" Target="https://www.researchgate.net/profile/Dhanashri_Dhokate/publication/298188546_Data_Hiding_With_Multiple_Network_Protocol_Usage/links/56e69aa608aedb4cc8af63d7.pdf" TargetMode="External"/><Relationship Id="rId287" Type="http://schemas.openxmlformats.org/officeDocument/2006/relationships/hyperlink" Target="http://www.ijedr.org/" TargetMode="External"/><Relationship Id="rId30" Type="http://schemas.openxmlformats.org/officeDocument/2006/relationships/hyperlink" Target="https://www.ijirset.com/upload/2018/may/66_Tuning.pdf" TargetMode="External"/><Relationship Id="rId105" Type="http://schemas.openxmlformats.org/officeDocument/2006/relationships/hyperlink" Target="https://ijarcce.com/wp-content/uploads/2015/03/IJARCCE2K.pdf" TargetMode="External"/><Relationship Id="rId126" Type="http://schemas.openxmlformats.org/officeDocument/2006/relationships/hyperlink" Target="https://scholar.google.co.in/citations?user=22JI2mAAAAAJ&amp;hl=en" TargetMode="External"/><Relationship Id="rId147" Type="http://schemas.openxmlformats.org/officeDocument/2006/relationships/hyperlink" Target="http://www.ijste.org/" TargetMode="External"/><Relationship Id="rId168" Type="http://schemas.openxmlformats.org/officeDocument/2006/relationships/hyperlink" Target="https://scholar.google.com/citations?user=cU1fcMMAAAAJ&amp;hl=en" TargetMode="External"/><Relationship Id="rId312" Type="http://schemas.openxmlformats.org/officeDocument/2006/relationships/hyperlink" Target="http://www.ijirset.com/upload/2015/june/94_31_An.pdf" TargetMode="External"/><Relationship Id="rId333" Type="http://schemas.openxmlformats.org/officeDocument/2006/relationships/hyperlink" Target="http://www.ijarse.com/images/fullpdf/1462863385_1503ijarse.pdf" TargetMode="External"/><Relationship Id="rId354" Type="http://schemas.openxmlformats.org/officeDocument/2006/relationships/hyperlink" Target="https://www.technicaljournalsonline.com/ijaers/VOL%20IV/IJAERS%20VOL%20IV%20ISSUE%20I%20%20OCTBER%20DECEMBER%202014/520.pdf" TargetMode="External"/><Relationship Id="rId51" Type="http://schemas.openxmlformats.org/officeDocument/2006/relationships/hyperlink" Target="https://pdfs.semanticscholar.org/3c1e/695721c80b25d32e62ca26939e68a2c3644b.pdf?_ga=2.127732677.912528268.1542266645-1027079465.1542266645" TargetMode="External"/><Relationship Id="rId72" Type="http://schemas.openxmlformats.org/officeDocument/2006/relationships/hyperlink" Target="http://ijarcsse.com/Before_August_2017/docs/papers/Volume_5/7_July2015/V5I6-0599.pdf" TargetMode="External"/><Relationship Id="rId93" Type="http://schemas.openxmlformats.org/officeDocument/2006/relationships/hyperlink" Target="https://www.irjet.net/archives/V3/i5/IRJET-V3I5640.pdf" TargetMode="External"/><Relationship Id="rId189" Type="http://schemas.openxmlformats.org/officeDocument/2006/relationships/hyperlink" Target="http://www.ijert.org/" TargetMode="External"/><Relationship Id="rId375" Type="http://schemas.openxmlformats.org/officeDocument/2006/relationships/hyperlink" Target="https://scholar.google.co.in/citations?hl=en&amp;user=yhHFh70AAAAJ" TargetMode="External"/><Relationship Id="rId3" Type="http://schemas.openxmlformats.org/officeDocument/2006/relationships/hyperlink" Target="https://www.elsevier.com/locate/issn/2214-7853" TargetMode="External"/><Relationship Id="rId214" Type="http://schemas.openxmlformats.org/officeDocument/2006/relationships/hyperlink" Target="http://www.advanceresearchlibrary.com/vol3ijea7.aspx" TargetMode="External"/><Relationship Id="rId235" Type="http://schemas.openxmlformats.org/officeDocument/2006/relationships/hyperlink" Target="https://scholar.google.co.in/citations?user=iEyekHkAAAAJ&amp;hl=en" TargetMode="External"/><Relationship Id="rId256" Type="http://schemas.openxmlformats.org/officeDocument/2006/relationships/hyperlink" Target="http://www.ijiere.com/FinalPaper/FinalPaperMobility%20Baseb%20Clustering170644.pdf" TargetMode="External"/><Relationship Id="rId277" Type="http://schemas.openxmlformats.org/officeDocument/2006/relationships/hyperlink" Target="https://scholar.google.co.in/citations?user=5FVPLGoAAAAJ&amp;hl=en" TargetMode="External"/><Relationship Id="rId298" Type="http://schemas.openxmlformats.org/officeDocument/2006/relationships/hyperlink" Target="https://scholar.google.co.in/citations?user=hpnV0TIAAAAJ&amp;hl=en" TargetMode="External"/><Relationship Id="rId116" Type="http://schemas.openxmlformats.org/officeDocument/2006/relationships/hyperlink" Target="https://www.ijmra.us/project%20doc/2017/IJESR_APRIL2017/IJMRA-11402.pdf" TargetMode="External"/><Relationship Id="rId137" Type="http://schemas.openxmlformats.org/officeDocument/2006/relationships/hyperlink" Target="http://www.vjer.in/" TargetMode="External"/><Relationship Id="rId158" Type="http://schemas.openxmlformats.org/officeDocument/2006/relationships/hyperlink" Target="http://www.ijseries.com/" TargetMode="External"/><Relationship Id="rId302" Type="http://schemas.openxmlformats.org/officeDocument/2006/relationships/hyperlink" Target="https://scholar.google.co.in/citations?hl=en&amp;user=yhHFh70AAAAJ" TargetMode="External"/><Relationship Id="rId323" Type="http://schemas.openxmlformats.org/officeDocument/2006/relationships/hyperlink" Target="http://citeseerx.ist.psu.edu/viewdoc/summary?doi=10.1.1.641.1060" TargetMode="External"/><Relationship Id="rId344" Type="http://schemas.openxmlformats.org/officeDocument/2006/relationships/hyperlink" Target="http://www.ijifr.com/pdfsave/30-03-2016926V3-E7-074.pdf" TargetMode="External"/><Relationship Id="rId20" Type="http://schemas.openxmlformats.org/officeDocument/2006/relationships/hyperlink" Target="https://www.onlinejournal.in/IJIRV3I8/101.pdf" TargetMode="External"/><Relationship Id="rId41" Type="http://schemas.openxmlformats.org/officeDocument/2006/relationships/hyperlink" Target="http://www.ijtsrd.com/papers/ijtsrd11521.pdf" TargetMode="External"/><Relationship Id="rId62" Type="http://schemas.openxmlformats.org/officeDocument/2006/relationships/hyperlink" Target="http://ijesc.org/upload/6f5fc1a44fcac105bc6b390d436de772.Brain%20Tumor%20Segmentation%20in%20MRI%20Image%20using%20Hybrid%20Technique.pdf" TargetMode="External"/><Relationship Id="rId83" Type="http://schemas.openxmlformats.org/officeDocument/2006/relationships/hyperlink" Target="https://www.ijireeice.com/upload/2016/may-16/IJIREEICE%2094.pdf" TargetMode="External"/><Relationship Id="rId179" Type="http://schemas.openxmlformats.org/officeDocument/2006/relationships/hyperlink" Target="https://scholar.google.com/citations?user=y_oHPIkAAAAJ" TargetMode="External"/><Relationship Id="rId365" Type="http://schemas.openxmlformats.org/officeDocument/2006/relationships/hyperlink" Target="https://scholar.google.com/citations?user=iJLxwDUAAAAJ&amp;hl=en" TargetMode="External"/><Relationship Id="rId190" Type="http://schemas.openxmlformats.org/officeDocument/2006/relationships/hyperlink" Target="http://www.ijirset.com/" TargetMode="External"/><Relationship Id="rId204" Type="http://schemas.openxmlformats.org/officeDocument/2006/relationships/hyperlink" Target="http://www.ascent-journals.com/IJERIA/Vol7No4/4.%20Mahesh%20Gavali-138.pdf" TargetMode="External"/><Relationship Id="rId225" Type="http://schemas.openxmlformats.org/officeDocument/2006/relationships/hyperlink" Target="http://ijaetmas.com/wp-content/uploads/2014/08/IJB018.pdf" TargetMode="External"/><Relationship Id="rId246" Type="http://schemas.openxmlformats.org/officeDocument/2006/relationships/hyperlink" Target="https://scholar.google.co.in/citations?user=7mBojZwAAAAJ&amp;hl=en" TargetMode="External"/><Relationship Id="rId267" Type="http://schemas.openxmlformats.org/officeDocument/2006/relationships/hyperlink" Target="http://www.iaeme.com/MasterAdmin/Journal_uploads/IJCET/VOLUME_7_ISSUE_1/IJCET_07_01_011.pdf" TargetMode="External"/><Relationship Id="rId288" Type="http://schemas.openxmlformats.org/officeDocument/2006/relationships/hyperlink" Target="http://ijirse.com/wp-content/upload/2016/02/2068ijirse.pdf" TargetMode="External"/><Relationship Id="rId106" Type="http://schemas.openxmlformats.org/officeDocument/2006/relationships/hyperlink" Target="http://www.iosrjournals.org/iosr-jce/papers/Vol17-issue1/Version-4/H017144148.pdf" TargetMode="External"/><Relationship Id="rId127" Type="http://schemas.openxmlformats.org/officeDocument/2006/relationships/hyperlink" Target="https://scholar.google.com/citations?hl=en&amp;user=ff691OwAAAAJ" TargetMode="External"/><Relationship Id="rId313" Type="http://schemas.openxmlformats.org/officeDocument/2006/relationships/hyperlink" Target="https://scholar.google.co.in/citations?hl=en&amp;user=yhHFh70AAAAJ" TargetMode="External"/><Relationship Id="rId10" Type="http://schemas.openxmlformats.org/officeDocument/2006/relationships/hyperlink" Target="https://ijret.org/volumes/2014v03/i15/IJRET20140315143.pdf" TargetMode="External"/><Relationship Id="rId31" Type="http://schemas.openxmlformats.org/officeDocument/2006/relationships/hyperlink" Target="https://www.ijesm.co.in/uploads/68/3705_pdf.pdf" TargetMode="External"/><Relationship Id="rId52" Type="http://schemas.openxmlformats.org/officeDocument/2006/relationships/hyperlink" Target="http://ijesc.org/upload/c8cc267b40166f225e4b843d92c7b610.Detection%20of%20Primary%20User%20Emulation%20(PUE)%20Attack%20in%20Cognitive%20Radio%20Network.pdf" TargetMode="External"/><Relationship Id="rId73" Type="http://schemas.openxmlformats.org/officeDocument/2006/relationships/hyperlink" Target="http://ijcsn.org/IJCSN-2016/5-2/Recognition-of-Real-or-Picture-Face-Using-Skin-Colour-Detection-and-Depth-Map-Information.pdf" TargetMode="External"/><Relationship Id="rId94" Type="http://schemas.openxmlformats.org/officeDocument/2006/relationships/hyperlink" Target="https://www.ijarcce.com/upload/2016/march-16/IJARCCE%20261.pdf" TargetMode="External"/><Relationship Id="rId148" Type="http://schemas.openxmlformats.org/officeDocument/2006/relationships/hyperlink" Target="http://www.ijsrd.com/" TargetMode="External"/><Relationship Id="rId169" Type="http://schemas.openxmlformats.org/officeDocument/2006/relationships/hyperlink" Target="https://scholar.google.co.in/citations?user=LsvQ88EAAAAJ&amp;hl=en" TargetMode="External"/><Relationship Id="rId334" Type="http://schemas.openxmlformats.org/officeDocument/2006/relationships/hyperlink" Target="https://www.scribd.com/document/334844411/Stress-Analysis-of-Epoxy-carbon-fiber-composite-material-for-leaf-spring-by-using-FEA-software" TargetMode="External"/><Relationship Id="rId355" Type="http://schemas.openxmlformats.org/officeDocument/2006/relationships/hyperlink" Target="http://ijsrd.com/index.php?p=Archive&amp;v=2&amp;i=11" TargetMode="External"/><Relationship Id="rId376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439"/>
  <sheetViews>
    <sheetView tabSelected="1" topLeftCell="A430" zoomScale="78" zoomScaleNormal="78" workbookViewId="0">
      <selection activeCell="I3" sqref="I3"/>
    </sheetView>
  </sheetViews>
  <sheetFormatPr defaultRowHeight="15.75"/>
  <cols>
    <col min="1" max="1" width="50.140625" style="63" customWidth="1"/>
    <col min="2" max="2" width="23.5703125" style="63" customWidth="1"/>
    <col min="3" max="3" width="26.28515625" style="63" customWidth="1"/>
    <col min="4" max="4" width="44.28515625" style="63" customWidth="1"/>
    <col min="5" max="5" width="22" style="63" customWidth="1"/>
    <col min="6" max="6" width="22.7109375" style="63" customWidth="1"/>
    <col min="7" max="7" width="30.85546875" style="64" customWidth="1"/>
    <col min="8" max="16384" width="9.140625" style="2"/>
  </cols>
  <sheetData>
    <row r="1" spans="1:7" ht="31.5" customHeight="1">
      <c r="A1" s="4" t="s">
        <v>1253</v>
      </c>
      <c r="B1" s="4"/>
      <c r="C1" s="4"/>
      <c r="D1" s="4"/>
      <c r="E1" s="4"/>
      <c r="F1" s="4"/>
      <c r="G1" s="4"/>
    </row>
    <row r="2" spans="1:7" ht="47.25">
      <c r="A2" s="5" t="s">
        <v>0</v>
      </c>
      <c r="B2" s="5" t="s">
        <v>1254</v>
      </c>
      <c r="C2" s="5" t="s">
        <v>1255</v>
      </c>
      <c r="D2" s="5" t="s">
        <v>1256</v>
      </c>
      <c r="E2" s="5" t="s">
        <v>1</v>
      </c>
      <c r="F2" s="6" t="s">
        <v>2</v>
      </c>
      <c r="G2" s="7" t="s">
        <v>3</v>
      </c>
    </row>
    <row r="3" spans="1:7" ht="63">
      <c r="A3" s="8" t="s">
        <v>1301</v>
      </c>
      <c r="B3" s="8" t="s">
        <v>4</v>
      </c>
      <c r="C3" s="8" t="s">
        <v>5</v>
      </c>
      <c r="D3" s="8" t="s">
        <v>1302</v>
      </c>
      <c r="E3" s="8">
        <v>2018</v>
      </c>
      <c r="F3" s="9" t="s">
        <v>6</v>
      </c>
      <c r="G3" s="10" t="s">
        <v>1492</v>
      </c>
    </row>
    <row r="4" spans="1:7" ht="63">
      <c r="A4" s="8" t="s">
        <v>1303</v>
      </c>
      <c r="B4" s="8" t="s">
        <v>7</v>
      </c>
      <c r="C4" s="8" t="s">
        <v>5</v>
      </c>
      <c r="D4" s="8" t="s">
        <v>1302</v>
      </c>
      <c r="E4" s="8">
        <v>2018</v>
      </c>
      <c r="F4" s="9" t="s">
        <v>6</v>
      </c>
      <c r="G4" s="10" t="s">
        <v>1394</v>
      </c>
    </row>
    <row r="5" spans="1:7" ht="63">
      <c r="A5" s="8" t="s">
        <v>1303</v>
      </c>
      <c r="B5" s="8" t="s">
        <v>8</v>
      </c>
      <c r="C5" s="8" t="s">
        <v>5</v>
      </c>
      <c r="D5" s="8" t="s">
        <v>1336</v>
      </c>
      <c r="E5" s="8">
        <v>2018</v>
      </c>
      <c r="F5" s="9" t="s">
        <v>6</v>
      </c>
      <c r="G5" s="10" t="s">
        <v>1396</v>
      </c>
    </row>
    <row r="6" spans="1:7" ht="63">
      <c r="A6" s="8" t="s">
        <v>1303</v>
      </c>
      <c r="B6" s="8" t="s">
        <v>9</v>
      </c>
      <c r="C6" s="8" t="s">
        <v>5</v>
      </c>
      <c r="D6" s="8" t="s">
        <v>1302</v>
      </c>
      <c r="E6" s="8">
        <v>2018</v>
      </c>
      <c r="F6" s="9" t="s">
        <v>6</v>
      </c>
      <c r="G6" s="10" t="s">
        <v>1393</v>
      </c>
    </row>
    <row r="7" spans="1:7" ht="47.25">
      <c r="A7" s="11" t="s">
        <v>10</v>
      </c>
      <c r="B7" s="8" t="s">
        <v>9</v>
      </c>
      <c r="C7" s="8" t="s">
        <v>5</v>
      </c>
      <c r="D7" s="8" t="s">
        <v>11</v>
      </c>
      <c r="E7" s="8">
        <v>2018</v>
      </c>
      <c r="F7" s="12" t="s">
        <v>12</v>
      </c>
      <c r="G7" s="10" t="s">
        <v>1393</v>
      </c>
    </row>
    <row r="8" spans="1:7" ht="47.25">
      <c r="A8" s="11" t="s">
        <v>10</v>
      </c>
      <c r="B8" s="8" t="s">
        <v>7</v>
      </c>
      <c r="C8" s="8" t="s">
        <v>5</v>
      </c>
      <c r="D8" s="8" t="s">
        <v>11</v>
      </c>
      <c r="E8" s="8">
        <v>2018</v>
      </c>
      <c r="F8" s="12" t="s">
        <v>12</v>
      </c>
      <c r="G8" s="10" t="s">
        <v>1394</v>
      </c>
    </row>
    <row r="9" spans="1:7" ht="47.25">
      <c r="A9" s="11" t="s">
        <v>10</v>
      </c>
      <c r="B9" s="8" t="s">
        <v>4</v>
      </c>
      <c r="C9" s="8" t="s">
        <v>5</v>
      </c>
      <c r="D9" s="8" t="s">
        <v>11</v>
      </c>
      <c r="E9" s="8">
        <v>2018</v>
      </c>
      <c r="F9" s="12" t="s">
        <v>12</v>
      </c>
      <c r="G9" s="10" t="s">
        <v>1492</v>
      </c>
    </row>
    <row r="10" spans="1:7" ht="47.25">
      <c r="A10" s="11" t="s">
        <v>10</v>
      </c>
      <c r="B10" s="8" t="s">
        <v>8</v>
      </c>
      <c r="C10" s="8" t="s">
        <v>5</v>
      </c>
      <c r="D10" s="8" t="s">
        <v>11</v>
      </c>
      <c r="E10" s="8">
        <v>2018</v>
      </c>
      <c r="F10" s="12" t="s">
        <v>12</v>
      </c>
      <c r="G10" s="10" t="s">
        <v>1396</v>
      </c>
    </row>
    <row r="11" spans="1:7" ht="31.5" customHeight="1">
      <c r="A11" s="11" t="s">
        <v>13</v>
      </c>
      <c r="B11" s="8" t="s">
        <v>9</v>
      </c>
      <c r="C11" s="8" t="s">
        <v>5</v>
      </c>
      <c r="D11" s="8" t="s">
        <v>1258</v>
      </c>
      <c r="E11" s="8">
        <v>2018</v>
      </c>
      <c r="F11" s="13" t="s">
        <v>14</v>
      </c>
      <c r="G11" s="10" t="s">
        <v>1393</v>
      </c>
    </row>
    <row r="12" spans="1:7" ht="31.5" customHeight="1">
      <c r="A12" s="11" t="s">
        <v>13</v>
      </c>
      <c r="B12" s="8" t="s">
        <v>7</v>
      </c>
      <c r="C12" s="8" t="s">
        <v>5</v>
      </c>
      <c r="D12" s="8" t="s">
        <v>1258</v>
      </c>
      <c r="E12" s="8">
        <v>2018</v>
      </c>
      <c r="F12" s="13" t="s">
        <v>14</v>
      </c>
      <c r="G12" s="10" t="s">
        <v>1394</v>
      </c>
    </row>
    <row r="13" spans="1:7" ht="31.5" customHeight="1">
      <c r="A13" s="11" t="s">
        <v>13</v>
      </c>
      <c r="B13" s="8" t="s">
        <v>9</v>
      </c>
      <c r="C13" s="8" t="s">
        <v>5</v>
      </c>
      <c r="D13" s="8" t="s">
        <v>1258</v>
      </c>
      <c r="E13" s="8">
        <v>2018</v>
      </c>
      <c r="F13" s="13" t="s">
        <v>14</v>
      </c>
      <c r="G13" s="10" t="s">
        <v>1393</v>
      </c>
    </row>
    <row r="14" spans="1:7" ht="47.25">
      <c r="A14" s="8" t="s">
        <v>1257</v>
      </c>
      <c r="B14" s="8" t="s">
        <v>9</v>
      </c>
      <c r="C14" s="8" t="s">
        <v>5</v>
      </c>
      <c r="D14" s="8" t="s">
        <v>1315</v>
      </c>
      <c r="E14" s="8">
        <v>2017</v>
      </c>
      <c r="F14" s="14" t="s">
        <v>15</v>
      </c>
      <c r="G14" s="10" t="s">
        <v>1393</v>
      </c>
    </row>
    <row r="15" spans="1:7" ht="47.25" customHeight="1">
      <c r="A15" s="8" t="s">
        <v>16</v>
      </c>
      <c r="B15" s="8" t="s">
        <v>9</v>
      </c>
      <c r="C15" s="8" t="s">
        <v>5</v>
      </c>
      <c r="D15" s="8" t="s">
        <v>1258</v>
      </c>
      <c r="E15" s="15">
        <v>43132</v>
      </c>
      <c r="F15" s="13" t="s">
        <v>14</v>
      </c>
      <c r="G15" s="10" t="s">
        <v>1393</v>
      </c>
    </row>
    <row r="16" spans="1:7" ht="47.25">
      <c r="A16" s="8" t="s">
        <v>1259</v>
      </c>
      <c r="B16" s="8" t="s">
        <v>9</v>
      </c>
      <c r="C16" s="8" t="s">
        <v>5</v>
      </c>
      <c r="D16" s="8" t="s">
        <v>1258</v>
      </c>
      <c r="E16" s="15">
        <v>43132</v>
      </c>
      <c r="F16" s="13" t="s">
        <v>14</v>
      </c>
      <c r="G16" s="10" t="s">
        <v>1393</v>
      </c>
    </row>
    <row r="17" spans="1:7" ht="47.25">
      <c r="A17" s="16" t="s">
        <v>23</v>
      </c>
      <c r="B17" s="8" t="s">
        <v>24</v>
      </c>
      <c r="C17" s="8" t="s">
        <v>5</v>
      </c>
      <c r="D17" s="16" t="s">
        <v>1493</v>
      </c>
      <c r="E17" s="17">
        <v>43070</v>
      </c>
      <c r="F17" s="18" t="s">
        <v>1494</v>
      </c>
      <c r="G17" s="10" t="s">
        <v>1395</v>
      </c>
    </row>
    <row r="18" spans="1:7" ht="84.75" customHeight="1">
      <c r="A18" s="16" t="s">
        <v>25</v>
      </c>
      <c r="B18" s="8" t="s">
        <v>24</v>
      </c>
      <c r="C18" s="8" t="s">
        <v>5</v>
      </c>
      <c r="D18" s="16" t="s">
        <v>26</v>
      </c>
      <c r="E18" s="15">
        <v>43009</v>
      </c>
      <c r="F18" s="19" t="s">
        <v>27</v>
      </c>
      <c r="G18" s="10" t="s">
        <v>1395</v>
      </c>
    </row>
    <row r="19" spans="1:7" ht="74.25" customHeight="1">
      <c r="A19" s="16" t="s">
        <v>28</v>
      </c>
      <c r="B19" s="8" t="s">
        <v>24</v>
      </c>
      <c r="C19" s="8" t="s">
        <v>5</v>
      </c>
      <c r="D19" s="16" t="s">
        <v>29</v>
      </c>
      <c r="E19" s="15">
        <v>42887</v>
      </c>
      <c r="F19" s="19" t="s">
        <v>30</v>
      </c>
      <c r="G19" s="10" t="s">
        <v>1395</v>
      </c>
    </row>
    <row r="20" spans="1:7" ht="47.25">
      <c r="A20" s="8" t="s">
        <v>17</v>
      </c>
      <c r="B20" s="8" t="s">
        <v>9</v>
      </c>
      <c r="C20" s="8" t="s">
        <v>5</v>
      </c>
      <c r="D20" s="8" t="s">
        <v>18</v>
      </c>
      <c r="E20" s="15">
        <v>42979</v>
      </c>
      <c r="F20" s="14" t="s">
        <v>19</v>
      </c>
      <c r="G20" s="10" t="s">
        <v>1393</v>
      </c>
    </row>
    <row r="21" spans="1:7" ht="46.5" customHeight="1">
      <c r="A21" s="8" t="s">
        <v>1495</v>
      </c>
      <c r="B21" s="8" t="s">
        <v>97</v>
      </c>
      <c r="C21" s="8" t="s">
        <v>1397</v>
      </c>
      <c r="D21" s="8" t="s">
        <v>1270</v>
      </c>
      <c r="E21" s="15">
        <v>42917</v>
      </c>
      <c r="F21" s="14" t="s">
        <v>99</v>
      </c>
      <c r="G21" s="10" t="s">
        <v>85</v>
      </c>
    </row>
    <row r="22" spans="1:7" ht="62.25" customHeight="1">
      <c r="A22" s="8" t="s">
        <v>100</v>
      </c>
      <c r="B22" s="8" t="s">
        <v>1271</v>
      </c>
      <c r="C22" s="8" t="s">
        <v>1397</v>
      </c>
      <c r="D22" s="8" t="s">
        <v>1272</v>
      </c>
      <c r="E22" s="15">
        <v>42917</v>
      </c>
      <c r="F22" s="14" t="s">
        <v>83</v>
      </c>
      <c r="G22" s="10" t="s">
        <v>86</v>
      </c>
    </row>
    <row r="23" spans="1:7" ht="31.5" customHeight="1">
      <c r="A23" s="8" t="s">
        <v>101</v>
      </c>
      <c r="B23" s="8" t="s">
        <v>1273</v>
      </c>
      <c r="C23" s="8" t="s">
        <v>1397</v>
      </c>
      <c r="D23" s="8" t="s">
        <v>1274</v>
      </c>
      <c r="E23" s="8" t="s">
        <v>98</v>
      </c>
      <c r="F23" s="14" t="s">
        <v>102</v>
      </c>
      <c r="G23" s="10" t="s">
        <v>87</v>
      </c>
    </row>
    <row r="24" spans="1:7" ht="31.5">
      <c r="A24" s="8" t="s">
        <v>103</v>
      </c>
      <c r="B24" s="8" t="s">
        <v>1275</v>
      </c>
      <c r="C24" s="8" t="s">
        <v>1397</v>
      </c>
      <c r="D24" s="8" t="s">
        <v>1276</v>
      </c>
      <c r="E24" s="8" t="s">
        <v>98</v>
      </c>
      <c r="F24" s="14" t="s">
        <v>102</v>
      </c>
      <c r="G24" s="10" t="s">
        <v>88</v>
      </c>
    </row>
    <row r="25" spans="1:7" ht="30.75" customHeight="1">
      <c r="A25" s="8" t="s">
        <v>104</v>
      </c>
      <c r="B25" s="8" t="s">
        <v>105</v>
      </c>
      <c r="C25" s="8" t="s">
        <v>1397</v>
      </c>
      <c r="D25" s="8" t="s">
        <v>106</v>
      </c>
      <c r="E25" s="15">
        <v>42948</v>
      </c>
      <c r="F25" s="14" t="s">
        <v>102</v>
      </c>
      <c r="G25" s="10" t="s">
        <v>89</v>
      </c>
    </row>
    <row r="26" spans="1:7" ht="31.5">
      <c r="A26" s="8" t="s">
        <v>107</v>
      </c>
      <c r="B26" s="8" t="s">
        <v>1277</v>
      </c>
      <c r="C26" s="8" t="s">
        <v>1397</v>
      </c>
      <c r="D26" s="8" t="s">
        <v>108</v>
      </c>
      <c r="E26" s="15">
        <v>42948</v>
      </c>
      <c r="F26" s="14" t="s">
        <v>102</v>
      </c>
      <c r="G26" s="10" t="s">
        <v>90</v>
      </c>
    </row>
    <row r="27" spans="1:7" ht="47.25">
      <c r="A27" s="8" t="s">
        <v>1305</v>
      </c>
      <c r="B27" s="8" t="s">
        <v>109</v>
      </c>
      <c r="C27" s="8" t="s">
        <v>1397</v>
      </c>
      <c r="D27" s="8" t="s">
        <v>110</v>
      </c>
      <c r="E27" s="15">
        <v>43221</v>
      </c>
      <c r="F27" s="14" t="s">
        <v>1306</v>
      </c>
      <c r="G27" s="10" t="s">
        <v>91</v>
      </c>
    </row>
    <row r="28" spans="1:7" ht="63.75" customHeight="1">
      <c r="A28" s="8" t="s">
        <v>111</v>
      </c>
      <c r="B28" s="8" t="s">
        <v>112</v>
      </c>
      <c r="C28" s="8" t="s">
        <v>1397</v>
      </c>
      <c r="D28" s="8" t="s">
        <v>1278</v>
      </c>
      <c r="E28" s="15">
        <v>43070</v>
      </c>
      <c r="F28" s="14" t="s">
        <v>113</v>
      </c>
      <c r="G28" s="10" t="s">
        <v>92</v>
      </c>
    </row>
    <row r="29" spans="1:7" ht="47.25" customHeight="1">
      <c r="A29" s="8" t="s">
        <v>1280</v>
      </c>
      <c r="B29" s="8" t="s">
        <v>114</v>
      </c>
      <c r="C29" s="8" t="s">
        <v>1397</v>
      </c>
      <c r="D29" s="8" t="s">
        <v>1279</v>
      </c>
      <c r="E29" s="15">
        <v>43009</v>
      </c>
      <c r="F29" s="14" t="s">
        <v>113</v>
      </c>
      <c r="G29" s="10" t="s">
        <v>1400</v>
      </c>
    </row>
    <row r="30" spans="1:7" ht="63" customHeight="1">
      <c r="A30" s="8" t="s">
        <v>115</v>
      </c>
      <c r="B30" s="8" t="s">
        <v>116</v>
      </c>
      <c r="C30" s="8" t="s">
        <v>1397</v>
      </c>
      <c r="D30" s="8" t="s">
        <v>1281</v>
      </c>
      <c r="E30" s="8" t="s">
        <v>98</v>
      </c>
      <c r="F30" s="14" t="s">
        <v>117</v>
      </c>
      <c r="G30" s="10" t="s">
        <v>93</v>
      </c>
    </row>
    <row r="31" spans="1:7" ht="157.5">
      <c r="A31" s="8" t="s">
        <v>118</v>
      </c>
      <c r="B31" s="8" t="s">
        <v>119</v>
      </c>
      <c r="C31" s="8" t="s">
        <v>1397</v>
      </c>
      <c r="D31" s="8" t="s">
        <v>1282</v>
      </c>
      <c r="E31" s="15">
        <v>43070</v>
      </c>
      <c r="F31" s="14" t="s">
        <v>113</v>
      </c>
      <c r="G31" s="20" t="s">
        <v>1401</v>
      </c>
    </row>
    <row r="32" spans="1:7" ht="47.25">
      <c r="A32" s="8" t="s">
        <v>120</v>
      </c>
      <c r="B32" s="8" t="s">
        <v>121</v>
      </c>
      <c r="C32" s="8" t="s">
        <v>1397</v>
      </c>
      <c r="D32" s="8" t="s">
        <v>1283</v>
      </c>
      <c r="E32" s="8" t="s">
        <v>122</v>
      </c>
      <c r="F32" s="14"/>
      <c r="G32" s="21" t="s">
        <v>1402</v>
      </c>
    </row>
    <row r="33" spans="1:7" ht="47.25">
      <c r="A33" s="8" t="s">
        <v>123</v>
      </c>
      <c r="B33" s="8" t="s">
        <v>124</v>
      </c>
      <c r="C33" s="8" t="s">
        <v>1397</v>
      </c>
      <c r="D33" s="8" t="s">
        <v>125</v>
      </c>
      <c r="E33" s="8" t="s">
        <v>122</v>
      </c>
      <c r="F33" s="14" t="s">
        <v>1284</v>
      </c>
      <c r="G33" s="22" t="s">
        <v>94</v>
      </c>
    </row>
    <row r="34" spans="1:7" ht="62.25" customHeight="1">
      <c r="A34" s="8" t="s">
        <v>126</v>
      </c>
      <c r="B34" s="8" t="s">
        <v>109</v>
      </c>
      <c r="C34" s="8" t="s">
        <v>1397</v>
      </c>
      <c r="D34" s="8" t="s">
        <v>1286</v>
      </c>
      <c r="E34" s="8" t="s">
        <v>128</v>
      </c>
      <c r="F34" s="14" t="s">
        <v>1285</v>
      </c>
      <c r="G34" s="10" t="s">
        <v>95</v>
      </c>
    </row>
    <row r="35" spans="1:7" ht="62.25" customHeight="1">
      <c r="A35" s="8" t="s">
        <v>130</v>
      </c>
      <c r="B35" s="8" t="s">
        <v>109</v>
      </c>
      <c r="C35" s="8" t="s">
        <v>1397</v>
      </c>
      <c r="D35" s="8" t="s">
        <v>127</v>
      </c>
      <c r="E35" s="8" t="s">
        <v>98</v>
      </c>
      <c r="F35" s="14" t="s">
        <v>129</v>
      </c>
      <c r="G35" s="10" t="s">
        <v>96</v>
      </c>
    </row>
    <row r="36" spans="1:7" ht="31.5">
      <c r="A36" s="11" t="s">
        <v>1496</v>
      </c>
      <c r="B36" s="8" t="s">
        <v>131</v>
      </c>
      <c r="C36" s="8" t="s">
        <v>132</v>
      </c>
      <c r="D36" s="11" t="s">
        <v>1497</v>
      </c>
      <c r="E36" s="11">
        <v>2018</v>
      </c>
      <c r="F36" s="12" t="s">
        <v>133</v>
      </c>
      <c r="G36" s="10" t="s">
        <v>134</v>
      </c>
    </row>
    <row r="37" spans="1:7" ht="88.5" customHeight="1">
      <c r="A37" s="8" t="s">
        <v>145</v>
      </c>
      <c r="B37" s="8" t="s">
        <v>146</v>
      </c>
      <c r="C37" s="8" t="s">
        <v>147</v>
      </c>
      <c r="D37" s="8" t="s">
        <v>148</v>
      </c>
      <c r="E37" s="15">
        <v>42948</v>
      </c>
      <c r="F37" s="14" t="s">
        <v>149</v>
      </c>
      <c r="G37" s="23" t="s">
        <v>150</v>
      </c>
    </row>
    <row r="38" spans="1:7" ht="62.25" customHeight="1">
      <c r="A38" s="8" t="s">
        <v>151</v>
      </c>
      <c r="B38" s="8" t="s">
        <v>146</v>
      </c>
      <c r="C38" s="8" t="s">
        <v>147</v>
      </c>
      <c r="D38" s="8" t="s">
        <v>148</v>
      </c>
      <c r="E38" s="15">
        <v>42948</v>
      </c>
      <c r="F38" s="14" t="s">
        <v>149</v>
      </c>
      <c r="G38" s="23" t="s">
        <v>152</v>
      </c>
    </row>
    <row r="39" spans="1:7" ht="62.25" customHeight="1">
      <c r="A39" s="8" t="s">
        <v>153</v>
      </c>
      <c r="B39" s="8" t="s">
        <v>146</v>
      </c>
      <c r="C39" s="8" t="s">
        <v>147</v>
      </c>
      <c r="D39" s="8" t="s">
        <v>154</v>
      </c>
      <c r="E39" s="15">
        <v>42887</v>
      </c>
      <c r="F39" s="14" t="s">
        <v>155</v>
      </c>
      <c r="G39" s="10" t="s">
        <v>156</v>
      </c>
    </row>
    <row r="40" spans="1:7" ht="62.25" customHeight="1">
      <c r="A40" s="8" t="s">
        <v>157</v>
      </c>
      <c r="B40" s="8" t="s">
        <v>158</v>
      </c>
      <c r="C40" s="8" t="s">
        <v>147</v>
      </c>
      <c r="D40" s="8" t="s">
        <v>159</v>
      </c>
      <c r="E40" s="15">
        <v>43221</v>
      </c>
      <c r="F40" s="14" t="s">
        <v>80</v>
      </c>
      <c r="G40" s="10" t="s">
        <v>161</v>
      </c>
    </row>
    <row r="41" spans="1:7" ht="31.5">
      <c r="A41" s="8" t="s">
        <v>162</v>
      </c>
      <c r="B41" s="8" t="s">
        <v>158</v>
      </c>
      <c r="C41" s="8" t="s">
        <v>147</v>
      </c>
      <c r="D41" s="8" t="s">
        <v>163</v>
      </c>
      <c r="E41" s="15">
        <v>43040</v>
      </c>
      <c r="F41" s="14" t="s">
        <v>164</v>
      </c>
      <c r="G41" s="10" t="s">
        <v>165</v>
      </c>
    </row>
    <row r="42" spans="1:7" ht="78.75" customHeight="1">
      <c r="A42" s="8" t="s">
        <v>166</v>
      </c>
      <c r="B42" s="8" t="s">
        <v>167</v>
      </c>
      <c r="C42" s="8" t="s">
        <v>147</v>
      </c>
      <c r="D42" s="8" t="s">
        <v>169</v>
      </c>
      <c r="E42" s="15">
        <v>43009</v>
      </c>
      <c r="F42" s="14" t="s">
        <v>170</v>
      </c>
      <c r="G42" s="10" t="s">
        <v>171</v>
      </c>
    </row>
    <row r="43" spans="1:7" ht="78.75" customHeight="1">
      <c r="A43" s="8" t="s">
        <v>172</v>
      </c>
      <c r="B43" s="8" t="s">
        <v>173</v>
      </c>
      <c r="C43" s="8" t="s">
        <v>147</v>
      </c>
      <c r="D43" s="8" t="s">
        <v>174</v>
      </c>
      <c r="E43" s="8">
        <v>2017</v>
      </c>
      <c r="F43" s="14" t="s">
        <v>175</v>
      </c>
      <c r="G43" s="10" t="s">
        <v>176</v>
      </c>
    </row>
    <row r="44" spans="1:7" ht="47.25" customHeight="1">
      <c r="A44" s="8" t="s">
        <v>177</v>
      </c>
      <c r="B44" s="8" t="s">
        <v>178</v>
      </c>
      <c r="C44" s="8" t="s">
        <v>147</v>
      </c>
      <c r="D44" s="8" t="s">
        <v>179</v>
      </c>
      <c r="E44" s="8" t="s">
        <v>180</v>
      </c>
      <c r="F44" s="14" t="s">
        <v>181</v>
      </c>
      <c r="G44" s="10" t="s">
        <v>182</v>
      </c>
    </row>
    <row r="45" spans="1:7" ht="78.75">
      <c r="A45" s="8" t="s">
        <v>1287</v>
      </c>
      <c r="B45" s="8" t="s">
        <v>183</v>
      </c>
      <c r="C45" s="8" t="s">
        <v>147</v>
      </c>
      <c r="D45" s="8" t="s">
        <v>82</v>
      </c>
      <c r="E45" s="8" t="s">
        <v>180</v>
      </c>
      <c r="F45" s="14" t="s">
        <v>184</v>
      </c>
      <c r="G45" s="10" t="s">
        <v>185</v>
      </c>
    </row>
    <row r="46" spans="1:7" ht="30.75" customHeight="1">
      <c r="A46" s="8" t="s">
        <v>186</v>
      </c>
      <c r="B46" s="8" t="s">
        <v>187</v>
      </c>
      <c r="C46" s="8" t="s">
        <v>147</v>
      </c>
      <c r="D46" s="8" t="s">
        <v>188</v>
      </c>
      <c r="E46" s="8" t="s">
        <v>180</v>
      </c>
      <c r="F46" s="14" t="s">
        <v>189</v>
      </c>
      <c r="G46" s="10" t="s">
        <v>190</v>
      </c>
    </row>
    <row r="47" spans="1:7" ht="78.75">
      <c r="A47" s="8" t="s">
        <v>1288</v>
      </c>
      <c r="B47" s="8" t="s">
        <v>187</v>
      </c>
      <c r="C47" s="8" t="s">
        <v>147</v>
      </c>
      <c r="D47" s="8" t="s">
        <v>191</v>
      </c>
      <c r="E47" s="8" t="s">
        <v>180</v>
      </c>
      <c r="F47" s="14" t="s">
        <v>1289</v>
      </c>
      <c r="G47" s="10" t="s">
        <v>192</v>
      </c>
    </row>
    <row r="48" spans="1:7" ht="94.5">
      <c r="A48" s="8" t="s">
        <v>1290</v>
      </c>
      <c r="B48" s="8" t="s">
        <v>187</v>
      </c>
      <c r="C48" s="8" t="s">
        <v>147</v>
      </c>
      <c r="D48" s="8" t="s">
        <v>193</v>
      </c>
      <c r="E48" s="8" t="s">
        <v>180</v>
      </c>
      <c r="F48" s="14" t="s">
        <v>1291</v>
      </c>
      <c r="G48" s="10" t="s">
        <v>194</v>
      </c>
    </row>
    <row r="49" spans="1:10" ht="47.25">
      <c r="A49" s="8" t="s">
        <v>195</v>
      </c>
      <c r="B49" s="8" t="s">
        <v>196</v>
      </c>
      <c r="C49" s="8" t="s">
        <v>147</v>
      </c>
      <c r="D49" s="8" t="s">
        <v>197</v>
      </c>
      <c r="E49" s="8" t="s">
        <v>198</v>
      </c>
      <c r="F49" s="14" t="s">
        <v>133</v>
      </c>
      <c r="G49" s="10" t="s">
        <v>199</v>
      </c>
    </row>
    <row r="50" spans="1:10" ht="49.5">
      <c r="A50" s="8" t="s">
        <v>195</v>
      </c>
      <c r="B50" s="8" t="s">
        <v>196</v>
      </c>
      <c r="C50" s="8" t="s">
        <v>147</v>
      </c>
      <c r="D50" s="8" t="s">
        <v>1498</v>
      </c>
      <c r="E50" s="8" t="s">
        <v>200</v>
      </c>
      <c r="F50" s="14" t="s">
        <v>201</v>
      </c>
      <c r="G50" s="10" t="s">
        <v>199</v>
      </c>
    </row>
    <row r="51" spans="1:10" ht="31.5">
      <c r="A51" s="8" t="s">
        <v>202</v>
      </c>
      <c r="B51" s="8" t="s">
        <v>196</v>
      </c>
      <c r="C51" s="8" t="s">
        <v>147</v>
      </c>
      <c r="D51" s="8" t="s">
        <v>203</v>
      </c>
      <c r="E51" s="15">
        <v>43344</v>
      </c>
      <c r="F51" s="14" t="s">
        <v>204</v>
      </c>
      <c r="G51" s="10" t="s">
        <v>205</v>
      </c>
    </row>
    <row r="52" spans="1:10" ht="39.950000000000003" customHeight="1">
      <c r="A52" s="8" t="s">
        <v>206</v>
      </c>
      <c r="B52" s="8" t="s">
        <v>207</v>
      </c>
      <c r="C52" s="8" t="s">
        <v>147</v>
      </c>
      <c r="D52" s="8" t="s">
        <v>208</v>
      </c>
      <c r="E52" s="15">
        <v>43252</v>
      </c>
      <c r="F52" s="14" t="s">
        <v>209</v>
      </c>
      <c r="G52" s="10" t="s">
        <v>1088</v>
      </c>
    </row>
    <row r="53" spans="1:10" ht="109.5" customHeight="1">
      <c r="A53" s="8" t="s">
        <v>210</v>
      </c>
      <c r="B53" s="8" t="s">
        <v>211</v>
      </c>
      <c r="C53" s="8" t="s">
        <v>147</v>
      </c>
      <c r="D53" s="8" t="s">
        <v>212</v>
      </c>
      <c r="E53" s="15">
        <v>43191</v>
      </c>
      <c r="F53" s="14" t="s">
        <v>204</v>
      </c>
      <c r="G53" s="10" t="s">
        <v>213</v>
      </c>
    </row>
    <row r="54" spans="1:10" ht="46.5" customHeight="1">
      <c r="A54" s="8" t="s">
        <v>214</v>
      </c>
      <c r="B54" s="8" t="s">
        <v>211</v>
      </c>
      <c r="C54" s="8" t="s">
        <v>147</v>
      </c>
      <c r="D54" s="8" t="s">
        <v>215</v>
      </c>
      <c r="E54" s="15">
        <v>43282</v>
      </c>
      <c r="F54" s="14" t="s">
        <v>216</v>
      </c>
      <c r="G54" s="10" t="s">
        <v>217</v>
      </c>
    </row>
    <row r="55" spans="1:10" ht="63" customHeight="1">
      <c r="A55" s="8" t="s">
        <v>218</v>
      </c>
      <c r="B55" s="8" t="s">
        <v>1307</v>
      </c>
      <c r="C55" s="8" t="s">
        <v>147</v>
      </c>
      <c r="D55" s="8" t="s">
        <v>215</v>
      </c>
      <c r="E55" s="8" t="s">
        <v>220</v>
      </c>
      <c r="F55" s="14" t="s">
        <v>204</v>
      </c>
      <c r="G55" s="10" t="s">
        <v>221</v>
      </c>
    </row>
    <row r="56" spans="1:10" ht="47.25">
      <c r="A56" s="24" t="s">
        <v>391</v>
      </c>
      <c r="B56" s="24" t="s">
        <v>392</v>
      </c>
      <c r="C56" s="24" t="s">
        <v>393</v>
      </c>
      <c r="D56" s="24" t="s">
        <v>394</v>
      </c>
      <c r="E56" s="15">
        <v>43191</v>
      </c>
      <c r="F56" s="14" t="s">
        <v>395</v>
      </c>
      <c r="G56" s="10" t="s">
        <v>1314</v>
      </c>
    </row>
    <row r="57" spans="1:10" ht="47.25">
      <c r="A57" s="24" t="s">
        <v>396</v>
      </c>
      <c r="B57" s="24" t="s">
        <v>392</v>
      </c>
      <c r="C57" s="24" t="s">
        <v>393</v>
      </c>
      <c r="D57" s="24" t="s">
        <v>397</v>
      </c>
      <c r="E57" s="8">
        <v>2018</v>
      </c>
      <c r="F57" s="14" t="s">
        <v>398</v>
      </c>
      <c r="G57" s="10" t="s">
        <v>1314</v>
      </c>
      <c r="J57" s="25"/>
    </row>
    <row r="58" spans="1:10" ht="63">
      <c r="A58" s="24" t="s">
        <v>399</v>
      </c>
      <c r="B58" s="24" t="s">
        <v>400</v>
      </c>
      <c r="C58" s="24" t="s">
        <v>393</v>
      </c>
      <c r="D58" s="24" t="s">
        <v>401</v>
      </c>
      <c r="E58" s="15">
        <v>43101</v>
      </c>
      <c r="F58" s="14" t="s">
        <v>402</v>
      </c>
      <c r="G58" s="26" t="s">
        <v>1430</v>
      </c>
    </row>
    <row r="59" spans="1:10" ht="47.25">
      <c r="A59" s="24" t="s">
        <v>403</v>
      </c>
      <c r="B59" s="24" t="s">
        <v>400</v>
      </c>
      <c r="C59" s="24" t="s">
        <v>393</v>
      </c>
      <c r="D59" s="24" t="s">
        <v>404</v>
      </c>
      <c r="E59" s="15">
        <v>43132</v>
      </c>
      <c r="F59" s="14" t="s">
        <v>405</v>
      </c>
      <c r="G59" s="26" t="s">
        <v>1430</v>
      </c>
    </row>
    <row r="60" spans="1:10" ht="63">
      <c r="A60" s="24" t="s">
        <v>406</v>
      </c>
      <c r="B60" s="24" t="s">
        <v>400</v>
      </c>
      <c r="C60" s="24" t="s">
        <v>393</v>
      </c>
      <c r="D60" s="24" t="s">
        <v>401</v>
      </c>
      <c r="E60" s="15">
        <v>43160</v>
      </c>
      <c r="F60" s="14" t="s">
        <v>402</v>
      </c>
      <c r="G60" s="26" t="s">
        <v>1430</v>
      </c>
    </row>
    <row r="61" spans="1:10" ht="47.25">
      <c r="A61" s="24" t="s">
        <v>407</v>
      </c>
      <c r="B61" s="24" t="s">
        <v>400</v>
      </c>
      <c r="C61" s="24" t="s">
        <v>393</v>
      </c>
      <c r="D61" s="24" t="s">
        <v>408</v>
      </c>
      <c r="E61" s="15">
        <v>43160</v>
      </c>
      <c r="F61" s="14" t="s">
        <v>409</v>
      </c>
      <c r="G61" s="26" t="s">
        <v>1430</v>
      </c>
    </row>
    <row r="62" spans="1:10" ht="47.25">
      <c r="A62" s="24" t="s">
        <v>410</v>
      </c>
      <c r="B62" s="24" t="s">
        <v>400</v>
      </c>
      <c r="C62" s="24" t="s">
        <v>393</v>
      </c>
      <c r="D62" s="24" t="s">
        <v>411</v>
      </c>
      <c r="E62" s="15">
        <v>43191</v>
      </c>
      <c r="F62" s="14" t="s">
        <v>113</v>
      </c>
      <c r="G62" s="26" t="s">
        <v>1430</v>
      </c>
    </row>
    <row r="63" spans="1:10" ht="47.25">
      <c r="A63" s="24" t="s">
        <v>412</v>
      </c>
      <c r="B63" s="24" t="s">
        <v>400</v>
      </c>
      <c r="C63" s="24" t="s">
        <v>393</v>
      </c>
      <c r="D63" s="24" t="s">
        <v>413</v>
      </c>
      <c r="E63" s="15">
        <v>43191</v>
      </c>
      <c r="F63" s="14" t="s">
        <v>113</v>
      </c>
      <c r="G63" s="26" t="s">
        <v>1430</v>
      </c>
    </row>
    <row r="64" spans="1:10" ht="47.25">
      <c r="A64" s="24" t="s">
        <v>414</v>
      </c>
      <c r="B64" s="24" t="s">
        <v>415</v>
      </c>
      <c r="C64" s="24" t="s">
        <v>393</v>
      </c>
      <c r="D64" s="24" t="s">
        <v>416</v>
      </c>
      <c r="E64" s="15">
        <v>43160</v>
      </c>
      <c r="F64" s="14" t="s">
        <v>417</v>
      </c>
      <c r="G64" s="10" t="s">
        <v>1491</v>
      </c>
    </row>
    <row r="65" spans="1:7" ht="87.75" customHeight="1">
      <c r="A65" s="24" t="s">
        <v>418</v>
      </c>
      <c r="B65" s="24" t="s">
        <v>415</v>
      </c>
      <c r="C65" s="24" t="s">
        <v>393</v>
      </c>
      <c r="D65" s="24" t="s">
        <v>413</v>
      </c>
      <c r="E65" s="15">
        <v>43191</v>
      </c>
      <c r="F65" s="14" t="s">
        <v>419</v>
      </c>
      <c r="G65" s="10" t="s">
        <v>1491</v>
      </c>
    </row>
    <row r="66" spans="1:7" ht="47.25">
      <c r="A66" s="24" t="s">
        <v>420</v>
      </c>
      <c r="B66" s="24" t="s">
        <v>415</v>
      </c>
      <c r="C66" s="24" t="s">
        <v>393</v>
      </c>
      <c r="D66" s="24" t="s">
        <v>411</v>
      </c>
      <c r="E66" s="15">
        <v>43191</v>
      </c>
      <c r="F66" s="14" t="s">
        <v>113</v>
      </c>
      <c r="G66" s="10" t="s">
        <v>1491</v>
      </c>
    </row>
    <row r="67" spans="1:7" ht="47.25">
      <c r="A67" s="24" t="s">
        <v>421</v>
      </c>
      <c r="B67" s="24" t="s">
        <v>415</v>
      </c>
      <c r="C67" s="24" t="s">
        <v>393</v>
      </c>
      <c r="D67" s="24" t="s">
        <v>422</v>
      </c>
      <c r="E67" s="8">
        <v>2018</v>
      </c>
      <c r="F67" s="14" t="s">
        <v>423</v>
      </c>
      <c r="G67" s="10" t="s">
        <v>1491</v>
      </c>
    </row>
    <row r="68" spans="1:7" ht="47.25">
      <c r="A68" s="24" t="s">
        <v>424</v>
      </c>
      <c r="B68" s="24" t="s">
        <v>425</v>
      </c>
      <c r="C68" s="24" t="s">
        <v>393</v>
      </c>
      <c r="D68" s="24" t="s">
        <v>426</v>
      </c>
      <c r="E68" s="15">
        <v>43252</v>
      </c>
      <c r="F68" s="27" t="s">
        <v>427</v>
      </c>
      <c r="G68" s="28" t="s">
        <v>1431</v>
      </c>
    </row>
    <row r="69" spans="1:7" ht="47.25">
      <c r="A69" s="24" t="s">
        <v>428</v>
      </c>
      <c r="B69" s="24" t="s">
        <v>429</v>
      </c>
      <c r="C69" s="24" t="s">
        <v>393</v>
      </c>
      <c r="D69" s="24" t="s">
        <v>430</v>
      </c>
      <c r="E69" s="15">
        <v>43160</v>
      </c>
      <c r="F69" s="14" t="s">
        <v>409</v>
      </c>
      <c r="G69" s="10" t="s">
        <v>1341</v>
      </c>
    </row>
    <row r="70" spans="1:7" ht="63" customHeight="1">
      <c r="A70" s="24" t="s">
        <v>431</v>
      </c>
      <c r="B70" s="24" t="s">
        <v>429</v>
      </c>
      <c r="C70" s="24" t="s">
        <v>393</v>
      </c>
      <c r="D70" s="24" t="s">
        <v>432</v>
      </c>
      <c r="E70" s="8" t="s">
        <v>433</v>
      </c>
      <c r="F70" s="14" t="s">
        <v>395</v>
      </c>
      <c r="G70" s="10" t="s">
        <v>1341</v>
      </c>
    </row>
    <row r="71" spans="1:7" ht="47.25">
      <c r="A71" s="24" t="s">
        <v>434</v>
      </c>
      <c r="B71" s="24" t="s">
        <v>429</v>
      </c>
      <c r="C71" s="24" t="s">
        <v>393</v>
      </c>
      <c r="D71" s="24" t="s">
        <v>413</v>
      </c>
      <c r="E71" s="15">
        <v>43191</v>
      </c>
      <c r="F71" s="14" t="s">
        <v>113</v>
      </c>
      <c r="G71" s="10" t="s">
        <v>1341</v>
      </c>
    </row>
    <row r="72" spans="1:7" ht="85.5" customHeight="1">
      <c r="A72" s="24" t="s">
        <v>435</v>
      </c>
      <c r="B72" s="24" t="s">
        <v>436</v>
      </c>
      <c r="C72" s="24" t="s">
        <v>393</v>
      </c>
      <c r="D72" s="24" t="s">
        <v>408</v>
      </c>
      <c r="E72" s="15">
        <v>43160</v>
      </c>
      <c r="F72" s="14" t="s">
        <v>409</v>
      </c>
      <c r="G72" s="10" t="s">
        <v>1407</v>
      </c>
    </row>
    <row r="73" spans="1:7" ht="84.75" customHeight="1">
      <c r="A73" s="24" t="s">
        <v>437</v>
      </c>
      <c r="B73" s="24" t="s">
        <v>436</v>
      </c>
      <c r="C73" s="24" t="s">
        <v>393</v>
      </c>
      <c r="D73" s="24" t="s">
        <v>413</v>
      </c>
      <c r="E73" s="15">
        <v>43191</v>
      </c>
      <c r="F73" s="14" t="s">
        <v>113</v>
      </c>
      <c r="G73" s="10" t="s">
        <v>1407</v>
      </c>
    </row>
    <row r="74" spans="1:7" ht="117.75" customHeight="1">
      <c r="A74" s="24" t="s">
        <v>438</v>
      </c>
      <c r="B74" s="24" t="s">
        <v>436</v>
      </c>
      <c r="C74" s="24" t="s">
        <v>393</v>
      </c>
      <c r="D74" s="24" t="s">
        <v>408</v>
      </c>
      <c r="E74" s="15">
        <v>43160</v>
      </c>
      <c r="F74" s="14" t="s">
        <v>409</v>
      </c>
      <c r="G74" s="10" t="s">
        <v>1407</v>
      </c>
    </row>
    <row r="75" spans="1:7" ht="47.25">
      <c r="A75" s="24" t="s">
        <v>439</v>
      </c>
      <c r="B75" s="24" t="s">
        <v>440</v>
      </c>
      <c r="C75" s="24" t="s">
        <v>393</v>
      </c>
      <c r="D75" s="24" t="s">
        <v>441</v>
      </c>
      <c r="E75" s="8" t="s">
        <v>442</v>
      </c>
      <c r="F75" s="14" t="s">
        <v>443</v>
      </c>
      <c r="G75" s="28" t="s">
        <v>1432</v>
      </c>
    </row>
    <row r="76" spans="1:7" ht="47.25">
      <c r="A76" s="24" t="s">
        <v>444</v>
      </c>
      <c r="B76" s="24" t="s">
        <v>440</v>
      </c>
      <c r="C76" s="24" t="s">
        <v>393</v>
      </c>
      <c r="D76" s="24" t="s">
        <v>445</v>
      </c>
      <c r="E76" s="8">
        <v>2018</v>
      </c>
      <c r="F76" s="14" t="s">
        <v>395</v>
      </c>
      <c r="G76" s="28" t="s">
        <v>1432</v>
      </c>
    </row>
    <row r="77" spans="1:7" ht="47.25">
      <c r="A77" s="24" t="s">
        <v>446</v>
      </c>
      <c r="B77" s="24" t="s">
        <v>440</v>
      </c>
      <c r="C77" s="24" t="s">
        <v>393</v>
      </c>
      <c r="D77" s="24" t="s">
        <v>447</v>
      </c>
      <c r="E77" s="8" t="s">
        <v>442</v>
      </c>
      <c r="F77" s="14" t="s">
        <v>443</v>
      </c>
      <c r="G77" s="28" t="s">
        <v>1432</v>
      </c>
    </row>
    <row r="78" spans="1:7" ht="47.25">
      <c r="A78" s="24" t="s">
        <v>448</v>
      </c>
      <c r="B78" s="24" t="s">
        <v>440</v>
      </c>
      <c r="C78" s="24" t="s">
        <v>393</v>
      </c>
      <c r="D78" s="24" t="s">
        <v>408</v>
      </c>
      <c r="E78" s="15">
        <v>43160</v>
      </c>
      <c r="F78" s="14" t="s">
        <v>409</v>
      </c>
      <c r="G78" s="28" t="s">
        <v>1432</v>
      </c>
    </row>
    <row r="79" spans="1:7" ht="47.25">
      <c r="A79" s="24" t="s">
        <v>449</v>
      </c>
      <c r="B79" s="24" t="s">
        <v>450</v>
      </c>
      <c r="C79" s="24" t="s">
        <v>393</v>
      </c>
      <c r="D79" s="24" t="s">
        <v>408</v>
      </c>
      <c r="E79" s="15">
        <v>43160</v>
      </c>
      <c r="F79" s="14" t="s">
        <v>409</v>
      </c>
      <c r="G79" s="10" t="s">
        <v>1408</v>
      </c>
    </row>
    <row r="80" spans="1:7" ht="47.25">
      <c r="A80" s="24" t="s">
        <v>451</v>
      </c>
      <c r="B80" s="24" t="s">
        <v>450</v>
      </c>
      <c r="C80" s="24" t="s">
        <v>393</v>
      </c>
      <c r="D80" s="24" t="s">
        <v>413</v>
      </c>
      <c r="E80" s="15">
        <v>43191</v>
      </c>
      <c r="F80" s="14" t="s">
        <v>419</v>
      </c>
      <c r="G80" s="10" t="s">
        <v>1434</v>
      </c>
    </row>
    <row r="81" spans="1:8" ht="47.25">
      <c r="A81" s="24" t="s">
        <v>452</v>
      </c>
      <c r="B81" s="24" t="s">
        <v>450</v>
      </c>
      <c r="C81" s="24" t="s">
        <v>393</v>
      </c>
      <c r="D81" s="24" t="s">
        <v>416</v>
      </c>
      <c r="E81" s="15">
        <v>43160</v>
      </c>
      <c r="F81" s="14" t="s">
        <v>417</v>
      </c>
      <c r="G81" s="10" t="s">
        <v>1434</v>
      </c>
    </row>
    <row r="82" spans="1:8" ht="47.25">
      <c r="A82" s="24" t="s">
        <v>453</v>
      </c>
      <c r="B82" s="24" t="s">
        <v>455</v>
      </c>
      <c r="C82" s="24" t="s">
        <v>393</v>
      </c>
      <c r="D82" s="24" t="s">
        <v>454</v>
      </c>
      <c r="E82" s="15">
        <v>43070</v>
      </c>
      <c r="F82" s="14" t="s">
        <v>113</v>
      </c>
      <c r="G82" s="10" t="s">
        <v>1433</v>
      </c>
    </row>
    <row r="83" spans="1:8" ht="47.25">
      <c r="A83" s="24" t="s">
        <v>544</v>
      </c>
      <c r="B83" s="24" t="s">
        <v>455</v>
      </c>
      <c r="C83" s="8" t="s">
        <v>393</v>
      </c>
      <c r="D83" s="24" t="s">
        <v>545</v>
      </c>
      <c r="E83" s="29">
        <v>42917</v>
      </c>
      <c r="F83" s="14" t="s">
        <v>546</v>
      </c>
      <c r="G83" s="10" t="s">
        <v>1433</v>
      </c>
    </row>
    <row r="84" spans="1:8" ht="39.950000000000003" customHeight="1">
      <c r="A84" s="8" t="s">
        <v>289</v>
      </c>
      <c r="B84" s="8" t="s">
        <v>1293</v>
      </c>
      <c r="C84" s="8" t="s">
        <v>147</v>
      </c>
      <c r="D84" s="8" t="s">
        <v>249</v>
      </c>
      <c r="E84" s="15">
        <v>42948</v>
      </c>
      <c r="F84" s="14" t="s">
        <v>290</v>
      </c>
      <c r="G84" s="10" t="s">
        <v>1412</v>
      </c>
    </row>
    <row r="85" spans="1:8" ht="47.25">
      <c r="A85" s="8" t="s">
        <v>292</v>
      </c>
      <c r="B85" s="8" t="s">
        <v>293</v>
      </c>
      <c r="C85" s="8" t="s">
        <v>147</v>
      </c>
      <c r="D85" s="8" t="s">
        <v>208</v>
      </c>
      <c r="E85" s="15">
        <v>43070</v>
      </c>
      <c r="F85" s="14" t="s">
        <v>294</v>
      </c>
      <c r="G85" s="10" t="s">
        <v>1412</v>
      </c>
    </row>
    <row r="86" spans="1:8" ht="39.950000000000003" customHeight="1">
      <c r="A86" s="8" t="s">
        <v>289</v>
      </c>
      <c r="B86" s="8" t="s">
        <v>1293</v>
      </c>
      <c r="C86" s="8" t="s">
        <v>147</v>
      </c>
      <c r="D86" s="8" t="s">
        <v>208</v>
      </c>
      <c r="E86" s="15">
        <v>43070</v>
      </c>
      <c r="F86" s="14" t="s">
        <v>295</v>
      </c>
      <c r="G86" s="10" t="s">
        <v>1412</v>
      </c>
    </row>
    <row r="87" spans="1:8" ht="63">
      <c r="A87" s="8" t="s">
        <v>1399</v>
      </c>
      <c r="B87" s="8" t="s">
        <v>1147</v>
      </c>
      <c r="C87" s="8" t="s">
        <v>1087</v>
      </c>
      <c r="D87" s="8" t="s">
        <v>208</v>
      </c>
      <c r="E87" s="15">
        <v>43252</v>
      </c>
      <c r="F87" s="14" t="s">
        <v>337</v>
      </c>
      <c r="G87" s="10" t="s">
        <v>1148</v>
      </c>
    </row>
    <row r="88" spans="1:8" ht="47.25">
      <c r="A88" s="8" t="s">
        <v>1499</v>
      </c>
      <c r="B88" s="8" t="s">
        <v>1147</v>
      </c>
      <c r="C88" s="8" t="s">
        <v>1087</v>
      </c>
      <c r="D88" s="8" t="s">
        <v>208</v>
      </c>
      <c r="E88" s="15">
        <v>43252</v>
      </c>
      <c r="F88" s="14" t="s">
        <v>1149</v>
      </c>
      <c r="G88" s="10" t="s">
        <v>1150</v>
      </c>
    </row>
    <row r="89" spans="1:8" ht="63">
      <c r="A89" s="8" t="s">
        <v>1192</v>
      </c>
      <c r="B89" s="8" t="s">
        <v>1188</v>
      </c>
      <c r="C89" s="8" t="s">
        <v>1087</v>
      </c>
      <c r="D89" s="8" t="s">
        <v>208</v>
      </c>
      <c r="E89" s="8">
        <v>2018</v>
      </c>
      <c r="F89" s="14" t="s">
        <v>337</v>
      </c>
      <c r="G89" s="10" t="s">
        <v>1193</v>
      </c>
    </row>
    <row r="90" spans="1:8" ht="63">
      <c r="A90" s="8" t="s">
        <v>1194</v>
      </c>
      <c r="B90" s="8" t="s">
        <v>1195</v>
      </c>
      <c r="C90" s="8" t="s">
        <v>1087</v>
      </c>
      <c r="D90" s="11" t="s">
        <v>1196</v>
      </c>
      <c r="E90" s="30">
        <v>43374</v>
      </c>
      <c r="F90" s="12" t="s">
        <v>1197</v>
      </c>
      <c r="G90" s="10" t="s">
        <v>1198</v>
      </c>
    </row>
    <row r="91" spans="1:8" ht="31.5">
      <c r="A91" s="8" t="s">
        <v>206</v>
      </c>
      <c r="B91" s="8" t="s">
        <v>1086</v>
      </c>
      <c r="C91" s="8" t="s">
        <v>1087</v>
      </c>
      <c r="D91" s="8" t="s">
        <v>208</v>
      </c>
      <c r="E91" s="31">
        <v>43269</v>
      </c>
      <c r="F91" s="14" t="s">
        <v>209</v>
      </c>
      <c r="G91" s="10" t="s">
        <v>1088</v>
      </c>
    </row>
    <row r="92" spans="1:8" ht="46.5" customHeight="1">
      <c r="A92" s="8" t="s">
        <v>1199</v>
      </c>
      <c r="B92" s="8" t="s">
        <v>1195</v>
      </c>
      <c r="C92" s="8" t="s">
        <v>1087</v>
      </c>
      <c r="D92" s="8" t="s">
        <v>1200</v>
      </c>
      <c r="E92" s="15">
        <v>43070</v>
      </c>
      <c r="F92" s="5" t="s">
        <v>209</v>
      </c>
      <c r="G92" s="10" t="s">
        <v>1201</v>
      </c>
      <c r="H92" s="1"/>
    </row>
    <row r="93" spans="1:8" ht="50.1" customHeight="1">
      <c r="A93" s="8" t="s">
        <v>670</v>
      </c>
      <c r="B93" s="8" t="s">
        <v>1363</v>
      </c>
      <c r="C93" s="8" t="s">
        <v>672</v>
      </c>
      <c r="D93" s="8" t="s">
        <v>673</v>
      </c>
      <c r="E93" s="15">
        <v>43040</v>
      </c>
      <c r="F93" s="32" t="s">
        <v>674</v>
      </c>
      <c r="G93" s="10" t="s">
        <v>675</v>
      </c>
    </row>
    <row r="94" spans="1:8" ht="31.5">
      <c r="A94" s="8" t="s">
        <v>157</v>
      </c>
      <c r="B94" s="8" t="s">
        <v>1362</v>
      </c>
      <c r="C94" s="8" t="s">
        <v>672</v>
      </c>
      <c r="D94" s="8" t="s">
        <v>159</v>
      </c>
      <c r="E94" s="15">
        <v>43221</v>
      </c>
      <c r="F94" s="14" t="s">
        <v>80</v>
      </c>
      <c r="G94" s="10" t="s">
        <v>161</v>
      </c>
    </row>
    <row r="95" spans="1:8" ht="47.25">
      <c r="A95" s="11" t="s">
        <v>1032</v>
      </c>
      <c r="B95" s="11" t="s">
        <v>1033</v>
      </c>
      <c r="C95" s="11" t="s">
        <v>701</v>
      </c>
      <c r="D95" s="11" t="s">
        <v>1034</v>
      </c>
      <c r="E95" s="33">
        <v>42887</v>
      </c>
      <c r="F95" s="12" t="s">
        <v>1035</v>
      </c>
      <c r="G95" s="10" t="s">
        <v>1342</v>
      </c>
    </row>
    <row r="96" spans="1:8" ht="47.25" customHeight="1">
      <c r="A96" s="11" t="s">
        <v>1036</v>
      </c>
      <c r="B96" s="11" t="s">
        <v>1037</v>
      </c>
      <c r="C96" s="11" t="s">
        <v>701</v>
      </c>
      <c r="D96" s="11" t="s">
        <v>1038</v>
      </c>
      <c r="E96" s="34">
        <v>42887</v>
      </c>
      <c r="F96" s="12" t="s">
        <v>880</v>
      </c>
      <c r="G96" s="10" t="s">
        <v>1343</v>
      </c>
    </row>
    <row r="97" spans="1:7" ht="47.25">
      <c r="A97" s="11" t="s">
        <v>1039</v>
      </c>
      <c r="B97" s="11" t="s">
        <v>1040</v>
      </c>
      <c r="C97" s="11" t="s">
        <v>701</v>
      </c>
      <c r="D97" s="11" t="s">
        <v>1041</v>
      </c>
      <c r="E97" s="34">
        <v>42887</v>
      </c>
      <c r="F97" s="12" t="s">
        <v>880</v>
      </c>
      <c r="G97" s="10" t="s">
        <v>1343</v>
      </c>
    </row>
    <row r="98" spans="1:7" ht="47.25" customHeight="1">
      <c r="A98" s="11" t="s">
        <v>1042</v>
      </c>
      <c r="B98" s="11" t="s">
        <v>1043</v>
      </c>
      <c r="C98" s="11" t="s">
        <v>701</v>
      </c>
      <c r="D98" s="11" t="s">
        <v>1044</v>
      </c>
      <c r="E98" s="33">
        <v>42887</v>
      </c>
      <c r="F98" s="14" t="s">
        <v>1045</v>
      </c>
      <c r="G98" s="10" t="s">
        <v>1344</v>
      </c>
    </row>
    <row r="99" spans="1:7" ht="47.25">
      <c r="A99" s="11" t="s">
        <v>1046</v>
      </c>
      <c r="B99" s="11" t="s">
        <v>1047</v>
      </c>
      <c r="C99" s="11" t="s">
        <v>701</v>
      </c>
      <c r="D99" s="11" t="s">
        <v>1048</v>
      </c>
      <c r="E99" s="33">
        <v>42917</v>
      </c>
      <c r="F99" s="12" t="s">
        <v>880</v>
      </c>
      <c r="G99" s="35" t="s">
        <v>1343</v>
      </c>
    </row>
    <row r="100" spans="1:7" ht="47.25" customHeight="1">
      <c r="A100" s="8" t="s">
        <v>1049</v>
      </c>
      <c r="B100" s="8" t="s">
        <v>1050</v>
      </c>
      <c r="C100" s="11" t="s">
        <v>701</v>
      </c>
      <c r="D100" s="11" t="s">
        <v>1051</v>
      </c>
      <c r="E100" s="33">
        <v>42979</v>
      </c>
      <c r="F100" s="12" t="s">
        <v>880</v>
      </c>
      <c r="G100" s="10" t="s">
        <v>1343</v>
      </c>
    </row>
    <row r="101" spans="1:7" ht="63">
      <c r="A101" s="11" t="s">
        <v>1052</v>
      </c>
      <c r="B101" s="11" t="s">
        <v>954</v>
      </c>
      <c r="C101" s="11" t="s">
        <v>701</v>
      </c>
      <c r="D101" s="11" t="s">
        <v>1053</v>
      </c>
      <c r="E101" s="34">
        <v>42979</v>
      </c>
      <c r="F101" s="12" t="s">
        <v>880</v>
      </c>
      <c r="G101" s="35" t="s">
        <v>1345</v>
      </c>
    </row>
    <row r="102" spans="1:7" ht="63" customHeight="1">
      <c r="A102" s="11" t="s">
        <v>1054</v>
      </c>
      <c r="B102" s="11" t="s">
        <v>1055</v>
      </c>
      <c r="C102" s="11" t="s">
        <v>701</v>
      </c>
      <c r="D102" s="11" t="s">
        <v>1056</v>
      </c>
      <c r="E102" s="33">
        <v>42979</v>
      </c>
      <c r="F102" s="12" t="s">
        <v>1057</v>
      </c>
      <c r="G102" s="35" t="s">
        <v>1346</v>
      </c>
    </row>
    <row r="103" spans="1:7" ht="47.25" customHeight="1">
      <c r="A103" s="24" t="s">
        <v>1058</v>
      </c>
      <c r="B103" s="11" t="s">
        <v>1059</v>
      </c>
      <c r="C103" s="11" t="s">
        <v>701</v>
      </c>
      <c r="D103" s="11" t="s">
        <v>1060</v>
      </c>
      <c r="E103" s="36">
        <v>43009</v>
      </c>
      <c r="F103" s="12" t="s">
        <v>1061</v>
      </c>
      <c r="G103" s="10" t="s">
        <v>1437</v>
      </c>
    </row>
    <row r="104" spans="1:7" ht="47.25">
      <c r="A104" s="37" t="s">
        <v>1062</v>
      </c>
      <c r="B104" s="11" t="s">
        <v>1063</v>
      </c>
      <c r="C104" s="11" t="s">
        <v>701</v>
      </c>
      <c r="D104" s="11" t="s">
        <v>1064</v>
      </c>
      <c r="E104" s="36">
        <v>43009</v>
      </c>
      <c r="F104" s="38" t="s">
        <v>1065</v>
      </c>
      <c r="G104" s="10" t="s">
        <v>1347</v>
      </c>
    </row>
    <row r="105" spans="1:7" ht="61.5" customHeight="1">
      <c r="A105" s="11" t="s">
        <v>1066</v>
      </c>
      <c r="B105" s="11" t="s">
        <v>1067</v>
      </c>
      <c r="C105" s="11" t="s">
        <v>701</v>
      </c>
      <c r="D105" s="11" t="s">
        <v>1068</v>
      </c>
      <c r="E105" s="39">
        <v>43009</v>
      </c>
      <c r="F105" s="12" t="s">
        <v>1016</v>
      </c>
      <c r="G105" s="10" t="s">
        <v>1348</v>
      </c>
    </row>
    <row r="106" spans="1:7" ht="63" customHeight="1">
      <c r="A106" s="24" t="s">
        <v>1069</v>
      </c>
      <c r="B106" s="11" t="s">
        <v>1070</v>
      </c>
      <c r="C106" s="11" t="s">
        <v>701</v>
      </c>
      <c r="D106" s="11" t="s">
        <v>1071</v>
      </c>
      <c r="E106" s="40">
        <v>43070</v>
      </c>
      <c r="F106" s="12" t="s">
        <v>880</v>
      </c>
      <c r="G106" s="35" t="s">
        <v>1343</v>
      </c>
    </row>
    <row r="107" spans="1:7" ht="47.25" customHeight="1">
      <c r="A107" s="11" t="s">
        <v>1072</v>
      </c>
      <c r="B107" s="11" t="s">
        <v>1073</v>
      </c>
      <c r="C107" s="11" t="s">
        <v>701</v>
      </c>
      <c r="D107" s="11" t="s">
        <v>1074</v>
      </c>
      <c r="E107" s="41">
        <v>43070</v>
      </c>
      <c r="F107" s="12" t="s">
        <v>398</v>
      </c>
      <c r="G107" s="10" t="s">
        <v>1438</v>
      </c>
    </row>
    <row r="108" spans="1:7" ht="47.25">
      <c r="A108" s="11" t="s">
        <v>1075</v>
      </c>
      <c r="B108" s="11" t="s">
        <v>1047</v>
      </c>
      <c r="C108" s="11" t="s">
        <v>701</v>
      </c>
      <c r="D108" s="11" t="s">
        <v>1076</v>
      </c>
      <c r="E108" s="34">
        <v>43160</v>
      </c>
      <c r="F108" s="12" t="s">
        <v>1061</v>
      </c>
      <c r="G108" s="10" t="s">
        <v>1349</v>
      </c>
    </row>
    <row r="109" spans="1:7" ht="47.25">
      <c r="A109" s="24" t="s">
        <v>1077</v>
      </c>
      <c r="B109" s="11" t="s">
        <v>1078</v>
      </c>
      <c r="C109" s="11" t="s">
        <v>701</v>
      </c>
      <c r="D109" s="11" t="s">
        <v>1079</v>
      </c>
      <c r="E109" s="34">
        <v>43160</v>
      </c>
      <c r="F109" s="12" t="s">
        <v>1080</v>
      </c>
      <c r="G109" s="10" t="s">
        <v>1439</v>
      </c>
    </row>
    <row r="110" spans="1:7" ht="47.25">
      <c r="A110" s="11" t="s">
        <v>1081</v>
      </c>
      <c r="B110" s="11" t="s">
        <v>1082</v>
      </c>
      <c r="C110" s="11" t="s">
        <v>701</v>
      </c>
      <c r="D110" s="11" t="s">
        <v>1083</v>
      </c>
      <c r="E110" s="34">
        <v>43160</v>
      </c>
      <c r="F110" s="12" t="s">
        <v>936</v>
      </c>
      <c r="G110" s="10" t="s">
        <v>1350</v>
      </c>
    </row>
    <row r="111" spans="1:7" ht="46.5" customHeight="1">
      <c r="A111" s="11" t="s">
        <v>1084</v>
      </c>
      <c r="B111" s="11" t="s">
        <v>1440</v>
      </c>
      <c r="C111" s="11" t="s">
        <v>701</v>
      </c>
      <c r="D111" s="11" t="s">
        <v>1085</v>
      </c>
      <c r="E111" s="34">
        <v>43191</v>
      </c>
      <c r="F111" s="12" t="s">
        <v>1009</v>
      </c>
      <c r="G111" s="10" t="s">
        <v>1441</v>
      </c>
    </row>
    <row r="112" spans="1:7" ht="63" customHeight="1">
      <c r="A112" s="8" t="s">
        <v>310</v>
      </c>
      <c r="B112" s="8" t="s">
        <v>293</v>
      </c>
      <c r="C112" s="8" t="s">
        <v>147</v>
      </c>
      <c r="D112" s="8" t="s">
        <v>249</v>
      </c>
      <c r="E112" s="15">
        <v>42948</v>
      </c>
      <c r="F112" s="14" t="s">
        <v>311</v>
      </c>
      <c r="G112" s="10" t="s">
        <v>1412</v>
      </c>
    </row>
    <row r="113" spans="1:7" ht="39.950000000000003" customHeight="1">
      <c r="A113" s="42" t="s">
        <v>1252</v>
      </c>
      <c r="B113" s="43"/>
      <c r="C113" s="43"/>
      <c r="D113" s="43"/>
      <c r="E113" s="43"/>
      <c r="F113" s="43"/>
      <c r="G113" s="44"/>
    </row>
    <row r="114" spans="1:7" ht="60" customHeight="1">
      <c r="A114" s="8" t="s">
        <v>1300</v>
      </c>
      <c r="B114" s="8" t="s">
        <v>9</v>
      </c>
      <c r="C114" s="8" t="s">
        <v>5</v>
      </c>
      <c r="D114" s="8" t="s">
        <v>20</v>
      </c>
      <c r="E114" s="8">
        <v>2016</v>
      </c>
      <c r="F114" s="8" t="s">
        <v>21</v>
      </c>
      <c r="G114" s="10" t="s">
        <v>1393</v>
      </c>
    </row>
    <row r="115" spans="1:7" ht="60" customHeight="1">
      <c r="A115" s="8" t="s">
        <v>22</v>
      </c>
      <c r="B115" s="8" t="s">
        <v>9</v>
      </c>
      <c r="C115" s="8" t="s">
        <v>5</v>
      </c>
      <c r="D115" s="8" t="s">
        <v>20</v>
      </c>
      <c r="E115" s="8">
        <v>2016</v>
      </c>
      <c r="F115" s="8" t="s">
        <v>21</v>
      </c>
      <c r="G115" s="10" t="s">
        <v>1393</v>
      </c>
    </row>
    <row r="116" spans="1:7" ht="60" customHeight="1">
      <c r="A116" s="8" t="s">
        <v>1264</v>
      </c>
      <c r="B116" s="8" t="s">
        <v>9</v>
      </c>
      <c r="C116" s="8" t="s">
        <v>5</v>
      </c>
      <c r="D116" s="8" t="s">
        <v>20</v>
      </c>
      <c r="E116" s="8">
        <v>2016</v>
      </c>
      <c r="F116" s="8" t="s">
        <v>21</v>
      </c>
      <c r="G116" s="10" t="s">
        <v>1393</v>
      </c>
    </row>
    <row r="117" spans="1:7" ht="60" customHeight="1">
      <c r="A117" s="8" t="s">
        <v>222</v>
      </c>
      <c r="B117" s="8" t="s">
        <v>146</v>
      </c>
      <c r="C117" s="8" t="s">
        <v>147</v>
      </c>
      <c r="D117" s="8" t="s">
        <v>174</v>
      </c>
      <c r="E117" s="15">
        <v>42795</v>
      </c>
      <c r="F117" s="8" t="s">
        <v>517</v>
      </c>
      <c r="G117" s="10" t="s">
        <v>223</v>
      </c>
    </row>
    <row r="118" spans="1:7" ht="60" customHeight="1">
      <c r="A118" s="8" t="s">
        <v>224</v>
      </c>
      <c r="B118" s="8" t="s">
        <v>146</v>
      </c>
      <c r="C118" s="8" t="s">
        <v>147</v>
      </c>
      <c r="D118" s="8" t="s">
        <v>225</v>
      </c>
      <c r="E118" s="15">
        <v>42705</v>
      </c>
      <c r="F118" s="8" t="s">
        <v>1292</v>
      </c>
      <c r="G118" s="23" t="s">
        <v>226</v>
      </c>
    </row>
    <row r="119" spans="1:7" ht="60" customHeight="1">
      <c r="A119" s="8" t="s">
        <v>227</v>
      </c>
      <c r="B119" s="8" t="s">
        <v>146</v>
      </c>
      <c r="C119" s="8" t="s">
        <v>147</v>
      </c>
      <c r="D119" s="8" t="s">
        <v>82</v>
      </c>
      <c r="E119" s="15">
        <v>42614</v>
      </c>
      <c r="F119" s="8" t="s">
        <v>405</v>
      </c>
      <c r="G119" s="10" t="s">
        <v>228</v>
      </c>
    </row>
    <row r="120" spans="1:7" ht="60" customHeight="1">
      <c r="A120" s="8" t="s">
        <v>229</v>
      </c>
      <c r="B120" s="8" t="s">
        <v>158</v>
      </c>
      <c r="C120" s="8" t="s">
        <v>147</v>
      </c>
      <c r="D120" s="8" t="s">
        <v>159</v>
      </c>
      <c r="E120" s="15">
        <v>42675</v>
      </c>
      <c r="F120" s="8" t="s">
        <v>80</v>
      </c>
      <c r="G120" s="10" t="s">
        <v>230</v>
      </c>
    </row>
    <row r="121" spans="1:7" ht="60" customHeight="1">
      <c r="A121" s="8" t="s">
        <v>235</v>
      </c>
      <c r="B121" s="8" t="s">
        <v>173</v>
      </c>
      <c r="C121" s="8" t="s">
        <v>147</v>
      </c>
      <c r="D121" s="8" t="s">
        <v>174</v>
      </c>
      <c r="E121" s="8">
        <v>2016</v>
      </c>
      <c r="F121" s="8" t="s">
        <v>175</v>
      </c>
      <c r="G121" s="10" t="s">
        <v>236</v>
      </c>
    </row>
    <row r="122" spans="1:7" ht="60" customHeight="1">
      <c r="A122" s="8" t="s">
        <v>237</v>
      </c>
      <c r="B122" s="8" t="s">
        <v>173</v>
      </c>
      <c r="C122" s="8" t="s">
        <v>147</v>
      </c>
      <c r="D122" s="8" t="s">
        <v>174</v>
      </c>
      <c r="E122" s="8">
        <v>2016</v>
      </c>
      <c r="F122" s="8" t="s">
        <v>175</v>
      </c>
      <c r="G122" s="10" t="s">
        <v>238</v>
      </c>
    </row>
    <row r="123" spans="1:7" ht="60" customHeight="1">
      <c r="A123" s="8" t="s">
        <v>239</v>
      </c>
      <c r="B123" s="8" t="s">
        <v>183</v>
      </c>
      <c r="C123" s="8" t="s">
        <v>147</v>
      </c>
      <c r="D123" s="8" t="s">
        <v>240</v>
      </c>
      <c r="E123" s="8" t="s">
        <v>241</v>
      </c>
      <c r="F123" s="8" t="s">
        <v>242</v>
      </c>
      <c r="G123" s="10" t="s">
        <v>243</v>
      </c>
    </row>
    <row r="124" spans="1:7" ht="60" customHeight="1">
      <c r="A124" s="8" t="s">
        <v>244</v>
      </c>
      <c r="B124" s="8" t="s">
        <v>183</v>
      </c>
      <c r="C124" s="8" t="s">
        <v>147</v>
      </c>
      <c r="D124" s="8" t="s">
        <v>245</v>
      </c>
      <c r="E124" s="8" t="s">
        <v>241</v>
      </c>
      <c r="F124" s="8" t="s">
        <v>246</v>
      </c>
      <c r="G124" s="10" t="s">
        <v>247</v>
      </c>
    </row>
    <row r="125" spans="1:7" ht="60" customHeight="1">
      <c r="A125" s="8" t="s">
        <v>248</v>
      </c>
      <c r="B125" s="8" t="s">
        <v>183</v>
      </c>
      <c r="C125" s="8" t="s">
        <v>147</v>
      </c>
      <c r="D125" s="8" t="s">
        <v>249</v>
      </c>
      <c r="E125" s="8" t="s">
        <v>241</v>
      </c>
      <c r="F125" s="8" t="s">
        <v>250</v>
      </c>
      <c r="G125" s="10" t="s">
        <v>251</v>
      </c>
    </row>
    <row r="126" spans="1:7" ht="60" customHeight="1">
      <c r="A126" s="8" t="s">
        <v>1308</v>
      </c>
      <c r="B126" s="8" t="s">
        <v>183</v>
      </c>
      <c r="C126" s="8" t="s">
        <v>147</v>
      </c>
      <c r="D126" s="8" t="s">
        <v>252</v>
      </c>
      <c r="E126" s="8" t="s">
        <v>241</v>
      </c>
      <c r="F126" s="8" t="s">
        <v>253</v>
      </c>
      <c r="G126" s="10" t="s">
        <v>254</v>
      </c>
    </row>
    <row r="127" spans="1:7" ht="60" customHeight="1">
      <c r="A127" s="8" t="s">
        <v>255</v>
      </c>
      <c r="B127" s="8" t="s">
        <v>183</v>
      </c>
      <c r="C127" s="8" t="s">
        <v>147</v>
      </c>
      <c r="D127" s="8" t="s">
        <v>256</v>
      </c>
      <c r="E127" s="8" t="s">
        <v>241</v>
      </c>
      <c r="F127" s="8" t="s">
        <v>257</v>
      </c>
      <c r="G127" s="10" t="s">
        <v>258</v>
      </c>
    </row>
    <row r="128" spans="1:7" ht="60" customHeight="1">
      <c r="A128" s="8" t="s">
        <v>259</v>
      </c>
      <c r="B128" s="8" t="s">
        <v>196</v>
      </c>
      <c r="C128" s="8" t="s">
        <v>147</v>
      </c>
      <c r="D128" s="8" t="s">
        <v>260</v>
      </c>
      <c r="E128" s="8" t="s">
        <v>261</v>
      </c>
      <c r="F128" s="8" t="s">
        <v>262</v>
      </c>
      <c r="G128" s="10" t="s">
        <v>263</v>
      </c>
    </row>
    <row r="129" spans="1:7" ht="60" customHeight="1">
      <c r="A129" s="8" t="s">
        <v>1316</v>
      </c>
      <c r="B129" s="8" t="s">
        <v>196</v>
      </c>
      <c r="C129" s="8" t="s">
        <v>147</v>
      </c>
      <c r="D129" s="8" t="s">
        <v>264</v>
      </c>
      <c r="E129" s="8" t="s">
        <v>1309</v>
      </c>
      <c r="F129" s="8" t="s">
        <v>265</v>
      </c>
      <c r="G129" s="10" t="s">
        <v>266</v>
      </c>
    </row>
    <row r="130" spans="1:7" ht="60" customHeight="1">
      <c r="A130" s="8" t="s">
        <v>267</v>
      </c>
      <c r="B130" s="8" t="s">
        <v>196</v>
      </c>
      <c r="C130" s="8" t="s">
        <v>147</v>
      </c>
      <c r="D130" s="8" t="s">
        <v>268</v>
      </c>
      <c r="E130" s="8" t="s">
        <v>269</v>
      </c>
      <c r="F130" s="8" t="s">
        <v>265</v>
      </c>
      <c r="G130" s="10" t="s">
        <v>270</v>
      </c>
    </row>
    <row r="131" spans="1:7" ht="60" customHeight="1">
      <c r="A131" s="8" t="s">
        <v>271</v>
      </c>
      <c r="B131" s="8" t="s">
        <v>196</v>
      </c>
      <c r="C131" s="8" t="s">
        <v>147</v>
      </c>
      <c r="D131" s="8" t="s">
        <v>272</v>
      </c>
      <c r="E131" s="8" t="s">
        <v>273</v>
      </c>
      <c r="F131" s="8" t="s">
        <v>274</v>
      </c>
      <c r="G131" s="10" t="s">
        <v>266</v>
      </c>
    </row>
    <row r="132" spans="1:7" ht="60" customHeight="1">
      <c r="A132" s="8" t="s">
        <v>275</v>
      </c>
      <c r="B132" s="8" t="s">
        <v>196</v>
      </c>
      <c r="C132" s="8" t="s">
        <v>147</v>
      </c>
      <c r="D132" s="8" t="s">
        <v>276</v>
      </c>
      <c r="E132" s="8" t="s">
        <v>277</v>
      </c>
      <c r="F132" s="8" t="s">
        <v>278</v>
      </c>
      <c r="G132" s="10" t="s">
        <v>279</v>
      </c>
    </row>
    <row r="133" spans="1:7" ht="60" customHeight="1">
      <c r="A133" s="8" t="s">
        <v>280</v>
      </c>
      <c r="B133" s="8" t="s">
        <v>196</v>
      </c>
      <c r="C133" s="8" t="s">
        <v>147</v>
      </c>
      <c r="D133" s="8" t="s">
        <v>281</v>
      </c>
      <c r="E133" s="15">
        <v>42887</v>
      </c>
      <c r="F133" s="8" t="s">
        <v>282</v>
      </c>
      <c r="G133" s="10" t="s">
        <v>283</v>
      </c>
    </row>
    <row r="134" spans="1:7" ht="60" customHeight="1">
      <c r="A134" s="8" t="s">
        <v>284</v>
      </c>
      <c r="B134" s="8" t="s">
        <v>1323</v>
      </c>
      <c r="C134" s="8" t="s">
        <v>147</v>
      </c>
      <c r="D134" s="8" t="s">
        <v>245</v>
      </c>
      <c r="E134" s="15">
        <v>42856</v>
      </c>
      <c r="F134" s="8" t="s">
        <v>285</v>
      </c>
      <c r="G134" s="10" t="s">
        <v>286</v>
      </c>
    </row>
    <row r="135" spans="1:7" ht="60" customHeight="1">
      <c r="A135" s="8" t="s">
        <v>1317</v>
      </c>
      <c r="B135" s="8" t="s">
        <v>1324</v>
      </c>
      <c r="C135" s="8" t="s">
        <v>147</v>
      </c>
      <c r="D135" s="8" t="s">
        <v>245</v>
      </c>
      <c r="E135" s="8" t="s">
        <v>287</v>
      </c>
      <c r="F135" s="8" t="s">
        <v>288</v>
      </c>
      <c r="G135" s="10" t="s">
        <v>1411</v>
      </c>
    </row>
    <row r="136" spans="1:7" ht="60" customHeight="1">
      <c r="A136" s="8" t="s">
        <v>291</v>
      </c>
      <c r="B136" s="8" t="s">
        <v>219</v>
      </c>
      <c r="C136" s="8" t="s">
        <v>147</v>
      </c>
      <c r="D136" s="8" t="s">
        <v>245</v>
      </c>
      <c r="E136" s="15">
        <v>42767</v>
      </c>
      <c r="F136" s="8" t="s">
        <v>288</v>
      </c>
      <c r="G136" s="10" t="s">
        <v>1412</v>
      </c>
    </row>
    <row r="137" spans="1:7" ht="60" customHeight="1">
      <c r="A137" s="8" t="s">
        <v>296</v>
      </c>
      <c r="B137" s="8" t="s">
        <v>1323</v>
      </c>
      <c r="C137" s="8" t="s">
        <v>147</v>
      </c>
      <c r="D137" s="8" t="s">
        <v>245</v>
      </c>
      <c r="E137" s="8" t="s">
        <v>297</v>
      </c>
      <c r="F137" s="8" t="s">
        <v>298</v>
      </c>
      <c r="G137" s="10" t="s">
        <v>1412</v>
      </c>
    </row>
    <row r="138" spans="1:7" ht="60" customHeight="1">
      <c r="A138" s="8" t="s">
        <v>299</v>
      </c>
      <c r="B138" s="8" t="s">
        <v>1322</v>
      </c>
      <c r="C138" s="8" t="s">
        <v>147</v>
      </c>
      <c r="D138" s="8" t="s">
        <v>300</v>
      </c>
      <c r="E138" s="8" t="s">
        <v>301</v>
      </c>
      <c r="F138" s="8" t="s">
        <v>302</v>
      </c>
      <c r="G138" s="10" t="s">
        <v>1412</v>
      </c>
    </row>
    <row r="139" spans="1:7" ht="60" customHeight="1">
      <c r="A139" s="8" t="s">
        <v>303</v>
      </c>
      <c r="B139" s="8" t="s">
        <v>1325</v>
      </c>
      <c r="C139" s="8" t="s">
        <v>147</v>
      </c>
      <c r="D139" s="8" t="s">
        <v>245</v>
      </c>
      <c r="E139" s="15">
        <v>42795</v>
      </c>
      <c r="F139" s="8" t="s">
        <v>304</v>
      </c>
      <c r="G139" s="10" t="s">
        <v>1412</v>
      </c>
    </row>
    <row r="140" spans="1:7" ht="60" customHeight="1">
      <c r="A140" s="8" t="s">
        <v>289</v>
      </c>
      <c r="B140" s="8" t="s">
        <v>1326</v>
      </c>
      <c r="C140" s="8" t="s">
        <v>147</v>
      </c>
      <c r="D140" s="8"/>
      <c r="E140" s="8" t="s">
        <v>305</v>
      </c>
      <c r="F140" s="8" t="s">
        <v>306</v>
      </c>
      <c r="G140" s="10" t="s">
        <v>1412</v>
      </c>
    </row>
    <row r="141" spans="1:7" ht="60" customHeight="1">
      <c r="A141" s="8" t="s">
        <v>307</v>
      </c>
      <c r="B141" s="8" t="s">
        <v>1327</v>
      </c>
      <c r="C141" s="8" t="s">
        <v>147</v>
      </c>
      <c r="D141" s="8" t="s">
        <v>245</v>
      </c>
      <c r="E141" s="15">
        <v>42856</v>
      </c>
      <c r="F141" s="8" t="s">
        <v>308</v>
      </c>
      <c r="G141" s="10" t="s">
        <v>1412</v>
      </c>
    </row>
    <row r="142" spans="1:7" ht="60" customHeight="1">
      <c r="A142" s="8" t="s">
        <v>309</v>
      </c>
      <c r="B142" s="8" t="s">
        <v>1321</v>
      </c>
      <c r="C142" s="8" t="s">
        <v>147</v>
      </c>
      <c r="D142" s="8" t="s">
        <v>245</v>
      </c>
      <c r="E142" s="8" t="s">
        <v>305</v>
      </c>
      <c r="F142" s="8" t="s">
        <v>298</v>
      </c>
      <c r="G142" s="10" t="s">
        <v>1412</v>
      </c>
    </row>
    <row r="143" spans="1:7" ht="60" customHeight="1">
      <c r="A143" s="8" t="s">
        <v>312</v>
      </c>
      <c r="B143" s="8" t="s">
        <v>313</v>
      </c>
      <c r="C143" s="8" t="s">
        <v>147</v>
      </c>
      <c r="D143" s="8" t="s">
        <v>32</v>
      </c>
      <c r="E143" s="15">
        <v>42705</v>
      </c>
      <c r="F143" s="8" t="s">
        <v>314</v>
      </c>
      <c r="G143" s="10" t="s">
        <v>1412</v>
      </c>
    </row>
    <row r="144" spans="1:7" ht="60" customHeight="1">
      <c r="A144" s="8" t="s">
        <v>315</v>
      </c>
      <c r="B144" s="8" t="s">
        <v>1320</v>
      </c>
      <c r="C144" s="8" t="s">
        <v>147</v>
      </c>
      <c r="D144" s="8" t="s">
        <v>245</v>
      </c>
      <c r="E144" s="8" t="s">
        <v>316</v>
      </c>
      <c r="F144" s="8" t="s">
        <v>308</v>
      </c>
      <c r="G144" s="10" t="s">
        <v>1412</v>
      </c>
    </row>
    <row r="145" spans="1:7" ht="60" customHeight="1">
      <c r="A145" s="8" t="s">
        <v>317</v>
      </c>
      <c r="B145" s="8" t="s">
        <v>219</v>
      </c>
      <c r="C145" s="8" t="s">
        <v>147</v>
      </c>
      <c r="D145" s="8" t="s">
        <v>245</v>
      </c>
      <c r="E145" s="8" t="s">
        <v>318</v>
      </c>
      <c r="F145" s="8" t="s">
        <v>308</v>
      </c>
      <c r="G145" s="10" t="s">
        <v>1412</v>
      </c>
    </row>
    <row r="146" spans="1:7" ht="60" customHeight="1">
      <c r="A146" s="8" t="s">
        <v>319</v>
      </c>
      <c r="B146" s="8" t="s">
        <v>1318</v>
      </c>
      <c r="C146" s="8" t="s">
        <v>147</v>
      </c>
      <c r="D146" s="8" t="s">
        <v>245</v>
      </c>
      <c r="E146" s="15">
        <v>42705</v>
      </c>
      <c r="F146" s="8" t="s">
        <v>308</v>
      </c>
      <c r="G146" s="10" t="s">
        <v>1412</v>
      </c>
    </row>
    <row r="147" spans="1:7" ht="60" customHeight="1">
      <c r="A147" s="8" t="s">
        <v>320</v>
      </c>
      <c r="B147" s="8" t="s">
        <v>1319</v>
      </c>
      <c r="C147" s="8" t="s">
        <v>147</v>
      </c>
      <c r="D147" s="8" t="s">
        <v>245</v>
      </c>
      <c r="E147" s="15">
        <v>42552</v>
      </c>
      <c r="F147" s="8" t="s">
        <v>308</v>
      </c>
      <c r="G147" s="10" t="s">
        <v>1412</v>
      </c>
    </row>
    <row r="148" spans="1:7" ht="60" customHeight="1">
      <c r="A148" s="8" t="s">
        <v>321</v>
      </c>
      <c r="B148" s="8" t="s">
        <v>146</v>
      </c>
      <c r="C148" s="8" t="s">
        <v>147</v>
      </c>
      <c r="D148" s="8" t="s">
        <v>322</v>
      </c>
      <c r="E148" s="15">
        <v>42491</v>
      </c>
      <c r="F148" s="8" t="s">
        <v>84</v>
      </c>
      <c r="G148" s="23" t="s">
        <v>323</v>
      </c>
    </row>
    <row r="149" spans="1:7" ht="60" customHeight="1">
      <c r="A149" s="24" t="s">
        <v>456</v>
      </c>
      <c r="B149" s="24" t="s">
        <v>392</v>
      </c>
      <c r="C149" s="24" t="s">
        <v>393</v>
      </c>
      <c r="D149" s="24" t="s">
        <v>457</v>
      </c>
      <c r="E149" s="15">
        <v>42614</v>
      </c>
      <c r="F149" s="8" t="s">
        <v>458</v>
      </c>
      <c r="G149" s="10" t="s">
        <v>1314</v>
      </c>
    </row>
    <row r="150" spans="1:7" ht="60" customHeight="1">
      <c r="A150" s="24" t="s">
        <v>459</v>
      </c>
      <c r="B150" s="24" t="s">
        <v>392</v>
      </c>
      <c r="C150" s="24" t="s">
        <v>393</v>
      </c>
      <c r="D150" s="24" t="s">
        <v>1500</v>
      </c>
      <c r="E150" s="15">
        <v>42826</v>
      </c>
      <c r="F150" s="8" t="s">
        <v>398</v>
      </c>
      <c r="G150" s="10" t="s">
        <v>1314</v>
      </c>
    </row>
    <row r="151" spans="1:7" ht="60" customHeight="1">
      <c r="A151" s="24" t="s">
        <v>460</v>
      </c>
      <c r="B151" s="24" t="s">
        <v>392</v>
      </c>
      <c r="C151" s="24" t="s">
        <v>393</v>
      </c>
      <c r="D151" s="24" t="s">
        <v>1501</v>
      </c>
      <c r="E151" s="15">
        <v>42795</v>
      </c>
      <c r="F151" s="8" t="s">
        <v>461</v>
      </c>
      <c r="G151" s="10" t="s">
        <v>1314</v>
      </c>
    </row>
    <row r="152" spans="1:7" ht="60" customHeight="1">
      <c r="A152" s="24" t="s">
        <v>462</v>
      </c>
      <c r="B152" s="24" t="s">
        <v>392</v>
      </c>
      <c r="C152" s="24" t="s">
        <v>393</v>
      </c>
      <c r="D152" s="24" t="s">
        <v>1502</v>
      </c>
      <c r="E152" s="15">
        <v>42795</v>
      </c>
      <c r="F152" s="8" t="s">
        <v>463</v>
      </c>
      <c r="G152" s="10" t="s">
        <v>1314</v>
      </c>
    </row>
    <row r="153" spans="1:7" ht="60" customHeight="1">
      <c r="A153" s="24" t="s">
        <v>464</v>
      </c>
      <c r="B153" s="24" t="s">
        <v>392</v>
      </c>
      <c r="C153" s="24" t="s">
        <v>393</v>
      </c>
      <c r="D153" s="24" t="s">
        <v>1500</v>
      </c>
      <c r="E153" s="15">
        <v>42826</v>
      </c>
      <c r="F153" s="8" t="s">
        <v>398</v>
      </c>
      <c r="G153" s="10" t="s">
        <v>1314</v>
      </c>
    </row>
    <row r="154" spans="1:7" ht="60" customHeight="1">
      <c r="A154" s="24" t="s">
        <v>465</v>
      </c>
      <c r="B154" s="24" t="s">
        <v>392</v>
      </c>
      <c r="C154" s="24" t="s">
        <v>393</v>
      </c>
      <c r="D154" s="24" t="s">
        <v>466</v>
      </c>
      <c r="E154" s="15">
        <v>42826</v>
      </c>
      <c r="F154" s="8" t="s">
        <v>467</v>
      </c>
      <c r="G154" s="10" t="s">
        <v>1314</v>
      </c>
    </row>
    <row r="155" spans="1:7" ht="60" customHeight="1">
      <c r="A155" s="24" t="s">
        <v>468</v>
      </c>
      <c r="B155" s="24" t="s">
        <v>400</v>
      </c>
      <c r="C155" s="24" t="s">
        <v>393</v>
      </c>
      <c r="D155" s="24" t="s">
        <v>469</v>
      </c>
      <c r="E155" s="15">
        <v>42614</v>
      </c>
      <c r="F155" s="8" t="s">
        <v>470</v>
      </c>
      <c r="G155" s="26" t="s">
        <v>1430</v>
      </c>
    </row>
    <row r="156" spans="1:7" ht="60" customHeight="1">
      <c r="A156" s="24" t="s">
        <v>471</v>
      </c>
      <c r="B156" s="24" t="s">
        <v>400</v>
      </c>
      <c r="C156" s="24" t="s">
        <v>393</v>
      </c>
      <c r="D156" s="24" t="s">
        <v>472</v>
      </c>
      <c r="E156" s="15">
        <v>42644</v>
      </c>
      <c r="F156" s="8" t="s">
        <v>473</v>
      </c>
      <c r="G156" s="26" t="s">
        <v>1430</v>
      </c>
    </row>
    <row r="157" spans="1:7" ht="60" customHeight="1">
      <c r="A157" s="24" t="s">
        <v>474</v>
      </c>
      <c r="B157" s="24" t="s">
        <v>400</v>
      </c>
      <c r="C157" s="24" t="s">
        <v>393</v>
      </c>
      <c r="D157" s="24" t="s">
        <v>475</v>
      </c>
      <c r="E157" s="15">
        <v>42644</v>
      </c>
      <c r="F157" s="8"/>
      <c r="G157" s="26" t="s">
        <v>1430</v>
      </c>
    </row>
    <row r="158" spans="1:7" ht="60" customHeight="1">
      <c r="A158" s="24" t="s">
        <v>476</v>
      </c>
      <c r="B158" s="24" t="s">
        <v>400</v>
      </c>
      <c r="C158" s="24" t="s">
        <v>393</v>
      </c>
      <c r="D158" s="24" t="s">
        <v>477</v>
      </c>
      <c r="E158" s="15">
        <v>42767</v>
      </c>
      <c r="F158" s="8" t="s">
        <v>470</v>
      </c>
      <c r="G158" s="26" t="s">
        <v>1430</v>
      </c>
    </row>
    <row r="159" spans="1:7" ht="60" customHeight="1">
      <c r="A159" s="11" t="s">
        <v>478</v>
      </c>
      <c r="B159" s="24" t="s">
        <v>400</v>
      </c>
      <c r="C159" s="24" t="s">
        <v>393</v>
      </c>
      <c r="D159" s="8" t="s">
        <v>479</v>
      </c>
      <c r="E159" s="8" t="s">
        <v>480</v>
      </c>
      <c r="F159" s="8" t="s">
        <v>481</v>
      </c>
      <c r="G159" s="26" t="s">
        <v>1430</v>
      </c>
    </row>
    <row r="160" spans="1:7" ht="60" customHeight="1">
      <c r="A160" s="8" t="s">
        <v>482</v>
      </c>
      <c r="B160" s="24" t="s">
        <v>400</v>
      </c>
      <c r="C160" s="24" t="s">
        <v>393</v>
      </c>
      <c r="D160" s="8" t="s">
        <v>483</v>
      </c>
      <c r="E160" s="8" t="s">
        <v>484</v>
      </c>
      <c r="F160" s="8" t="s">
        <v>485</v>
      </c>
      <c r="G160" s="26" t="s">
        <v>1430</v>
      </c>
    </row>
    <row r="161" spans="1:7" ht="60" customHeight="1">
      <c r="A161" s="8" t="s">
        <v>486</v>
      </c>
      <c r="B161" s="24" t="s">
        <v>400</v>
      </c>
      <c r="C161" s="24" t="s">
        <v>393</v>
      </c>
      <c r="D161" s="8" t="s">
        <v>487</v>
      </c>
      <c r="E161" s="8" t="s">
        <v>488</v>
      </c>
      <c r="F161" s="8" t="s">
        <v>489</v>
      </c>
      <c r="G161" s="26" t="s">
        <v>1430</v>
      </c>
    </row>
    <row r="162" spans="1:7" ht="60" customHeight="1">
      <c r="A162" s="11" t="s">
        <v>490</v>
      </c>
      <c r="B162" s="24" t="s">
        <v>400</v>
      </c>
      <c r="C162" s="24" t="s">
        <v>393</v>
      </c>
      <c r="D162" s="11" t="s">
        <v>491</v>
      </c>
      <c r="E162" s="11" t="s">
        <v>492</v>
      </c>
      <c r="F162" s="11" t="s">
        <v>493</v>
      </c>
      <c r="G162" s="26" t="s">
        <v>1430</v>
      </c>
    </row>
    <row r="163" spans="1:7" ht="60" customHeight="1">
      <c r="A163" s="11" t="s">
        <v>494</v>
      </c>
      <c r="B163" s="24" t="s">
        <v>400</v>
      </c>
      <c r="C163" s="24" t="s">
        <v>393</v>
      </c>
      <c r="D163" s="11" t="s">
        <v>495</v>
      </c>
      <c r="E163" s="30">
        <v>42826</v>
      </c>
      <c r="F163" s="11" t="s">
        <v>496</v>
      </c>
      <c r="G163" s="26" t="s">
        <v>1430</v>
      </c>
    </row>
    <row r="164" spans="1:7" ht="60" customHeight="1">
      <c r="A164" s="11" t="s">
        <v>497</v>
      </c>
      <c r="B164" s="24" t="s">
        <v>400</v>
      </c>
      <c r="C164" s="24" t="s">
        <v>393</v>
      </c>
      <c r="D164" s="11" t="s">
        <v>498</v>
      </c>
      <c r="E164" s="30">
        <v>42826</v>
      </c>
      <c r="F164" s="11" t="s">
        <v>499</v>
      </c>
      <c r="G164" s="26" t="s">
        <v>1430</v>
      </c>
    </row>
    <row r="165" spans="1:7" ht="60" customHeight="1">
      <c r="A165" s="11" t="s">
        <v>500</v>
      </c>
      <c r="B165" s="24" t="s">
        <v>400</v>
      </c>
      <c r="C165" s="24" t="s">
        <v>393</v>
      </c>
      <c r="D165" s="11" t="s">
        <v>501</v>
      </c>
      <c r="E165" s="11" t="s">
        <v>502</v>
      </c>
      <c r="F165" s="11" t="s">
        <v>503</v>
      </c>
      <c r="G165" s="26" t="s">
        <v>1430</v>
      </c>
    </row>
    <row r="166" spans="1:7" ht="60" customHeight="1">
      <c r="A166" s="24" t="s">
        <v>504</v>
      </c>
      <c r="B166" s="24" t="s">
        <v>415</v>
      </c>
      <c r="C166" s="24" t="s">
        <v>393</v>
      </c>
      <c r="D166" s="24" t="s">
        <v>505</v>
      </c>
      <c r="E166" s="15">
        <v>42552</v>
      </c>
      <c r="F166" s="8" t="s">
        <v>84</v>
      </c>
      <c r="G166" s="10" t="s">
        <v>1491</v>
      </c>
    </row>
    <row r="167" spans="1:7" ht="60" customHeight="1">
      <c r="A167" s="24" t="s">
        <v>506</v>
      </c>
      <c r="B167" s="24" t="s">
        <v>415</v>
      </c>
      <c r="C167" s="24" t="s">
        <v>393</v>
      </c>
      <c r="D167" s="8" t="s">
        <v>1503</v>
      </c>
      <c r="E167" s="8" t="s">
        <v>507</v>
      </c>
      <c r="F167" s="8" t="s">
        <v>508</v>
      </c>
      <c r="G167" s="10" t="s">
        <v>1491</v>
      </c>
    </row>
    <row r="168" spans="1:7" ht="60" customHeight="1">
      <c r="A168" s="24" t="s">
        <v>509</v>
      </c>
      <c r="B168" s="24" t="s">
        <v>415</v>
      </c>
      <c r="C168" s="24" t="s">
        <v>393</v>
      </c>
      <c r="D168" s="24" t="s">
        <v>1504</v>
      </c>
      <c r="E168" s="15">
        <v>42826</v>
      </c>
      <c r="F168" s="8" t="s">
        <v>398</v>
      </c>
      <c r="G168" s="10" t="s">
        <v>1491</v>
      </c>
    </row>
    <row r="169" spans="1:7" ht="60" customHeight="1">
      <c r="A169" s="24" t="s">
        <v>510</v>
      </c>
      <c r="B169" s="24" t="s">
        <v>415</v>
      </c>
      <c r="C169" s="24" t="s">
        <v>393</v>
      </c>
      <c r="D169" s="24" t="s">
        <v>1505</v>
      </c>
      <c r="E169" s="15">
        <v>42826</v>
      </c>
      <c r="F169" s="8" t="s">
        <v>511</v>
      </c>
      <c r="G169" s="10" t="s">
        <v>1491</v>
      </c>
    </row>
    <row r="170" spans="1:7" ht="60" customHeight="1">
      <c r="A170" s="24" t="s">
        <v>512</v>
      </c>
      <c r="B170" s="24" t="s">
        <v>415</v>
      </c>
      <c r="C170" s="24" t="s">
        <v>393</v>
      </c>
      <c r="D170" s="24" t="s">
        <v>1504</v>
      </c>
      <c r="E170" s="15">
        <v>42826</v>
      </c>
      <c r="F170" s="8" t="s">
        <v>398</v>
      </c>
      <c r="G170" s="10" t="s">
        <v>1491</v>
      </c>
    </row>
    <row r="171" spans="1:7" ht="60" customHeight="1">
      <c r="A171" s="24" t="s">
        <v>513</v>
      </c>
      <c r="B171" s="24" t="s">
        <v>415</v>
      </c>
      <c r="C171" s="24" t="s">
        <v>393</v>
      </c>
      <c r="D171" s="24" t="s">
        <v>1506</v>
      </c>
      <c r="E171" s="15">
        <v>42826</v>
      </c>
      <c r="F171" s="8" t="s">
        <v>467</v>
      </c>
      <c r="G171" s="10" t="s">
        <v>1491</v>
      </c>
    </row>
    <row r="172" spans="1:7" ht="60" customHeight="1">
      <c r="A172" s="24" t="s">
        <v>504</v>
      </c>
      <c r="B172" s="24" t="s">
        <v>425</v>
      </c>
      <c r="C172" s="24" t="s">
        <v>393</v>
      </c>
      <c r="D172" s="24" t="s">
        <v>514</v>
      </c>
      <c r="E172" s="15">
        <v>42552</v>
      </c>
      <c r="F172" s="8" t="s">
        <v>84</v>
      </c>
      <c r="G172" s="28" t="s">
        <v>1431</v>
      </c>
    </row>
    <row r="173" spans="1:7" ht="60" customHeight="1">
      <c r="A173" s="24" t="s">
        <v>515</v>
      </c>
      <c r="B173" s="24" t="s">
        <v>425</v>
      </c>
      <c r="C173" s="24" t="s">
        <v>393</v>
      </c>
      <c r="D173" s="24" t="s">
        <v>516</v>
      </c>
      <c r="E173" s="15">
        <v>42675</v>
      </c>
      <c r="F173" s="8" t="s">
        <v>517</v>
      </c>
      <c r="G173" s="28" t="s">
        <v>1431</v>
      </c>
    </row>
    <row r="174" spans="1:7" ht="60" customHeight="1">
      <c r="A174" s="8" t="s">
        <v>518</v>
      </c>
      <c r="B174" s="24" t="s">
        <v>429</v>
      </c>
      <c r="C174" s="24" t="s">
        <v>393</v>
      </c>
      <c r="D174" s="8" t="s">
        <v>519</v>
      </c>
      <c r="E174" s="15">
        <v>42583</v>
      </c>
      <c r="F174" s="8" t="s">
        <v>520</v>
      </c>
      <c r="G174" s="10" t="s">
        <v>1341</v>
      </c>
    </row>
    <row r="175" spans="1:7" ht="60" customHeight="1">
      <c r="A175" s="11" t="s">
        <v>1310</v>
      </c>
      <c r="B175" s="24" t="s">
        <v>429</v>
      </c>
      <c r="C175" s="24" t="s">
        <v>393</v>
      </c>
      <c r="D175" s="8" t="s">
        <v>521</v>
      </c>
      <c r="E175" s="15">
        <v>42826</v>
      </c>
      <c r="F175" s="8" t="s">
        <v>522</v>
      </c>
      <c r="G175" s="10" t="s">
        <v>1341</v>
      </c>
    </row>
    <row r="176" spans="1:7" ht="60" customHeight="1">
      <c r="A176" s="11" t="s">
        <v>523</v>
      </c>
      <c r="B176" s="24" t="s">
        <v>429</v>
      </c>
      <c r="C176" s="24" t="s">
        <v>393</v>
      </c>
      <c r="D176" s="8" t="s">
        <v>524</v>
      </c>
      <c r="E176" s="15">
        <v>42826</v>
      </c>
      <c r="F176" s="8" t="s">
        <v>522</v>
      </c>
      <c r="G176" s="10" t="s">
        <v>1341</v>
      </c>
    </row>
    <row r="177" spans="1:7" ht="60" customHeight="1">
      <c r="A177" s="11" t="s">
        <v>525</v>
      </c>
      <c r="B177" s="24" t="s">
        <v>429</v>
      </c>
      <c r="C177" s="24" t="s">
        <v>393</v>
      </c>
      <c r="D177" s="8" t="s">
        <v>1311</v>
      </c>
      <c r="E177" s="15">
        <v>42826</v>
      </c>
      <c r="F177" s="8" t="s">
        <v>102</v>
      </c>
      <c r="G177" s="10" t="s">
        <v>1340</v>
      </c>
    </row>
    <row r="178" spans="1:7" ht="60" customHeight="1">
      <c r="A178" s="11" t="s">
        <v>526</v>
      </c>
      <c r="B178" s="24" t="s">
        <v>429</v>
      </c>
      <c r="C178" s="24" t="s">
        <v>393</v>
      </c>
      <c r="D178" s="8" t="s">
        <v>527</v>
      </c>
      <c r="E178" s="15">
        <v>42826</v>
      </c>
      <c r="F178" s="8" t="s">
        <v>522</v>
      </c>
      <c r="G178" s="10" t="s">
        <v>1341</v>
      </c>
    </row>
    <row r="179" spans="1:7" ht="60" customHeight="1">
      <c r="A179" s="11" t="s">
        <v>528</v>
      </c>
      <c r="B179" s="24" t="s">
        <v>429</v>
      </c>
      <c r="C179" s="24" t="s">
        <v>393</v>
      </c>
      <c r="D179" s="8" t="s">
        <v>529</v>
      </c>
      <c r="E179" s="15">
        <v>42826</v>
      </c>
      <c r="F179" s="8" t="s">
        <v>522</v>
      </c>
      <c r="G179" s="10" t="s">
        <v>1341</v>
      </c>
    </row>
    <row r="180" spans="1:7" ht="60" customHeight="1">
      <c r="A180" s="11" t="s">
        <v>530</v>
      </c>
      <c r="B180" s="24" t="s">
        <v>429</v>
      </c>
      <c r="C180" s="24" t="s">
        <v>393</v>
      </c>
      <c r="D180" s="8" t="s">
        <v>1312</v>
      </c>
      <c r="E180" s="8">
        <v>2017</v>
      </c>
      <c r="F180" s="8" t="s">
        <v>520</v>
      </c>
      <c r="G180" s="10" t="s">
        <v>1341</v>
      </c>
    </row>
    <row r="181" spans="1:7" ht="60" customHeight="1">
      <c r="A181" s="8" t="s">
        <v>531</v>
      </c>
      <c r="B181" s="24" t="s">
        <v>436</v>
      </c>
      <c r="C181" s="8" t="s">
        <v>393</v>
      </c>
      <c r="D181" s="24" t="s">
        <v>1507</v>
      </c>
      <c r="E181" s="8">
        <v>2017</v>
      </c>
      <c r="F181" s="8" t="s">
        <v>532</v>
      </c>
      <c r="G181" s="10" t="s">
        <v>1407</v>
      </c>
    </row>
    <row r="182" spans="1:7" ht="60" customHeight="1">
      <c r="A182" s="8" t="s">
        <v>533</v>
      </c>
      <c r="B182" s="24" t="s">
        <v>436</v>
      </c>
      <c r="C182" s="8" t="s">
        <v>393</v>
      </c>
      <c r="D182" s="24" t="s">
        <v>1501</v>
      </c>
      <c r="E182" s="15">
        <v>42795</v>
      </c>
      <c r="F182" s="8" t="s">
        <v>461</v>
      </c>
      <c r="G182" s="10" t="s">
        <v>1407</v>
      </c>
    </row>
    <row r="183" spans="1:7" ht="60" customHeight="1">
      <c r="A183" s="8" t="s">
        <v>534</v>
      </c>
      <c r="B183" s="24" t="s">
        <v>436</v>
      </c>
      <c r="C183" s="8" t="s">
        <v>393</v>
      </c>
      <c r="D183" s="24" t="s">
        <v>1508</v>
      </c>
      <c r="E183" s="15">
        <v>42826</v>
      </c>
      <c r="F183" s="8" t="s">
        <v>467</v>
      </c>
      <c r="G183" s="10" t="s">
        <v>1407</v>
      </c>
    </row>
    <row r="184" spans="1:7" ht="60" customHeight="1">
      <c r="A184" s="8" t="s">
        <v>504</v>
      </c>
      <c r="B184" s="24" t="s">
        <v>440</v>
      </c>
      <c r="C184" s="24" t="s">
        <v>393</v>
      </c>
      <c r="D184" s="24" t="s">
        <v>535</v>
      </c>
      <c r="E184" s="15">
        <v>42552</v>
      </c>
      <c r="F184" s="8" t="s">
        <v>84</v>
      </c>
      <c r="G184" s="28" t="s">
        <v>1432</v>
      </c>
    </row>
    <row r="185" spans="1:7" ht="60" customHeight="1">
      <c r="A185" s="8" t="s">
        <v>536</v>
      </c>
      <c r="B185" s="24" t="s">
        <v>450</v>
      </c>
      <c r="C185" s="8" t="s">
        <v>393</v>
      </c>
      <c r="D185" s="24" t="s">
        <v>537</v>
      </c>
      <c r="E185" s="15">
        <v>42795</v>
      </c>
      <c r="F185" s="8" t="s">
        <v>470</v>
      </c>
      <c r="G185" s="10" t="s">
        <v>1434</v>
      </c>
    </row>
    <row r="186" spans="1:7" ht="60" customHeight="1">
      <c r="A186" s="8" t="s">
        <v>538</v>
      </c>
      <c r="B186" s="24" t="s">
        <v>450</v>
      </c>
      <c r="C186" s="8" t="s">
        <v>393</v>
      </c>
      <c r="D186" s="24" t="s">
        <v>539</v>
      </c>
      <c r="E186" s="15">
        <v>42795</v>
      </c>
      <c r="F186" s="8" t="s">
        <v>540</v>
      </c>
      <c r="G186" s="10" t="s">
        <v>1434</v>
      </c>
    </row>
    <row r="187" spans="1:7" ht="60" customHeight="1">
      <c r="A187" s="8" t="s">
        <v>541</v>
      </c>
      <c r="B187" s="24" t="s">
        <v>450</v>
      </c>
      <c r="C187" s="8" t="s">
        <v>393</v>
      </c>
      <c r="D187" s="24" t="s">
        <v>542</v>
      </c>
      <c r="E187" s="15">
        <v>42795</v>
      </c>
      <c r="F187" s="8" t="s">
        <v>409</v>
      </c>
      <c r="G187" s="10" t="s">
        <v>1434</v>
      </c>
    </row>
    <row r="188" spans="1:7" ht="60" customHeight="1">
      <c r="A188" s="24" t="s">
        <v>984</v>
      </c>
      <c r="B188" s="11" t="s">
        <v>985</v>
      </c>
      <c r="C188" s="11" t="s">
        <v>701</v>
      </c>
      <c r="D188" s="11" t="s">
        <v>986</v>
      </c>
      <c r="E188" s="36">
        <v>42644</v>
      </c>
      <c r="F188" s="11" t="s">
        <v>987</v>
      </c>
      <c r="G188" s="10" t="s">
        <v>1442</v>
      </c>
    </row>
    <row r="189" spans="1:7" ht="60" customHeight="1">
      <c r="A189" s="11" t="s">
        <v>988</v>
      </c>
      <c r="B189" s="11" t="s">
        <v>989</v>
      </c>
      <c r="C189" s="11" t="s">
        <v>701</v>
      </c>
      <c r="D189" s="11" t="s">
        <v>990</v>
      </c>
      <c r="E189" s="33">
        <v>42552</v>
      </c>
      <c r="F189" s="11" t="s">
        <v>991</v>
      </c>
      <c r="G189" s="10" t="s">
        <v>1351</v>
      </c>
    </row>
    <row r="190" spans="1:7" ht="60" customHeight="1">
      <c r="A190" s="11" t="s">
        <v>992</v>
      </c>
      <c r="B190" s="11" t="s">
        <v>993</v>
      </c>
      <c r="C190" s="11" t="s">
        <v>701</v>
      </c>
      <c r="D190" s="11" t="s">
        <v>994</v>
      </c>
      <c r="E190" s="33">
        <v>42552</v>
      </c>
      <c r="F190" s="11" t="s">
        <v>769</v>
      </c>
      <c r="G190" s="10" t="s">
        <v>1352</v>
      </c>
    </row>
    <row r="191" spans="1:7" ht="75.75" customHeight="1">
      <c r="A191" s="8" t="s">
        <v>995</v>
      </c>
      <c r="B191" s="11" t="s">
        <v>996</v>
      </c>
      <c r="C191" s="11" t="s">
        <v>701</v>
      </c>
      <c r="D191" s="11" t="s">
        <v>997</v>
      </c>
      <c r="E191" s="34">
        <v>42552</v>
      </c>
      <c r="F191" s="8" t="s">
        <v>880</v>
      </c>
      <c r="G191" s="10" t="s">
        <v>1343</v>
      </c>
    </row>
    <row r="192" spans="1:7" ht="60" customHeight="1">
      <c r="A192" s="11" t="s">
        <v>998</v>
      </c>
      <c r="B192" s="11" t="s">
        <v>989</v>
      </c>
      <c r="C192" s="11" t="s">
        <v>701</v>
      </c>
      <c r="D192" s="11" t="s">
        <v>999</v>
      </c>
      <c r="E192" s="33">
        <v>42583</v>
      </c>
      <c r="F192" s="11"/>
      <c r="G192" s="10" t="s">
        <v>1351</v>
      </c>
    </row>
    <row r="193" spans="1:7" ht="72.75" customHeight="1">
      <c r="A193" s="11" t="s">
        <v>1000</v>
      </c>
      <c r="B193" s="11" t="s">
        <v>1001</v>
      </c>
      <c r="C193" s="11" t="s">
        <v>701</v>
      </c>
      <c r="D193" s="11" t="s">
        <v>1002</v>
      </c>
      <c r="E193" s="36">
        <v>42644</v>
      </c>
      <c r="F193" s="11" t="s">
        <v>1003</v>
      </c>
      <c r="G193" s="10" t="s">
        <v>1353</v>
      </c>
    </row>
    <row r="194" spans="1:7" ht="60" customHeight="1">
      <c r="A194" s="11" t="s">
        <v>1004</v>
      </c>
      <c r="B194" s="11" t="s">
        <v>1005</v>
      </c>
      <c r="C194" s="11" t="s">
        <v>701</v>
      </c>
      <c r="D194" s="11" t="s">
        <v>1006</v>
      </c>
      <c r="E194" s="36">
        <v>42644</v>
      </c>
      <c r="F194" s="11" t="s">
        <v>463</v>
      </c>
      <c r="G194" s="10" t="s">
        <v>1443</v>
      </c>
    </row>
    <row r="195" spans="1:7" ht="60" customHeight="1">
      <c r="A195" s="11" t="s">
        <v>1007</v>
      </c>
      <c r="B195" s="11" t="s">
        <v>996</v>
      </c>
      <c r="C195" s="11" t="s">
        <v>701</v>
      </c>
      <c r="D195" s="11" t="s">
        <v>1008</v>
      </c>
      <c r="E195" s="41">
        <v>42675</v>
      </c>
      <c r="F195" s="8" t="s">
        <v>1009</v>
      </c>
      <c r="G195" s="10" t="s">
        <v>1343</v>
      </c>
    </row>
    <row r="196" spans="1:7" ht="69" customHeight="1">
      <c r="A196" s="11" t="s">
        <v>1364</v>
      </c>
      <c r="B196" s="11" t="s">
        <v>1024</v>
      </c>
      <c r="C196" s="11" t="s">
        <v>701</v>
      </c>
      <c r="D196" s="11" t="s">
        <v>1366</v>
      </c>
      <c r="E196" s="41" t="s">
        <v>1367</v>
      </c>
      <c r="F196" s="8"/>
      <c r="G196" s="10" t="s">
        <v>1365</v>
      </c>
    </row>
    <row r="197" spans="1:7" ht="60" customHeight="1">
      <c r="A197" s="24" t="s">
        <v>1010</v>
      </c>
      <c r="B197" s="11" t="s">
        <v>1011</v>
      </c>
      <c r="C197" s="11" t="s">
        <v>701</v>
      </c>
      <c r="D197" s="11" t="s">
        <v>1012</v>
      </c>
      <c r="E197" s="34">
        <v>42767</v>
      </c>
      <c r="F197" s="11" t="s">
        <v>880</v>
      </c>
      <c r="G197" s="10" t="s">
        <v>1343</v>
      </c>
    </row>
    <row r="198" spans="1:7" ht="69.75" customHeight="1">
      <c r="A198" s="11" t="s">
        <v>1013</v>
      </c>
      <c r="B198" s="11" t="s">
        <v>1014</v>
      </c>
      <c r="C198" s="11" t="s">
        <v>701</v>
      </c>
      <c r="D198" s="11" t="s">
        <v>1015</v>
      </c>
      <c r="E198" s="33">
        <v>42795</v>
      </c>
      <c r="F198" s="11" t="s">
        <v>1016</v>
      </c>
      <c r="G198" s="10" t="s">
        <v>1348</v>
      </c>
    </row>
    <row r="199" spans="1:7" ht="77.25" customHeight="1">
      <c r="A199" s="11" t="s">
        <v>1017</v>
      </c>
      <c r="B199" s="11" t="s">
        <v>996</v>
      </c>
      <c r="C199" s="11" t="s">
        <v>701</v>
      </c>
      <c r="D199" s="11" t="s">
        <v>1018</v>
      </c>
      <c r="E199" s="34">
        <v>42795</v>
      </c>
      <c r="F199" s="8" t="s">
        <v>880</v>
      </c>
      <c r="G199" s="10" t="s">
        <v>1343</v>
      </c>
    </row>
    <row r="200" spans="1:7" ht="60" customHeight="1">
      <c r="A200" s="11" t="s">
        <v>1019</v>
      </c>
      <c r="B200" s="11" t="s">
        <v>954</v>
      </c>
      <c r="C200" s="11" t="s">
        <v>701</v>
      </c>
      <c r="D200" s="11" t="s">
        <v>1020</v>
      </c>
      <c r="E200" s="33">
        <v>42795</v>
      </c>
      <c r="F200" s="11" t="s">
        <v>880</v>
      </c>
      <c r="G200" s="10" t="s">
        <v>1444</v>
      </c>
    </row>
    <row r="201" spans="1:7" ht="60" customHeight="1">
      <c r="A201" s="11" t="s">
        <v>1021</v>
      </c>
      <c r="B201" s="11" t="s">
        <v>897</v>
      </c>
      <c r="C201" s="11" t="s">
        <v>701</v>
      </c>
      <c r="D201" s="11" t="s">
        <v>1022</v>
      </c>
      <c r="E201" s="34">
        <v>42826</v>
      </c>
      <c r="F201" s="11" t="s">
        <v>880</v>
      </c>
      <c r="G201" s="10" t="s">
        <v>1343</v>
      </c>
    </row>
    <row r="202" spans="1:7" ht="60" customHeight="1">
      <c r="A202" s="11" t="s">
        <v>1023</v>
      </c>
      <c r="B202" s="11" t="s">
        <v>1024</v>
      </c>
      <c r="C202" s="11" t="s">
        <v>701</v>
      </c>
      <c r="D202" s="11" t="s">
        <v>1025</v>
      </c>
      <c r="E202" s="34">
        <v>42826</v>
      </c>
      <c r="F202" s="8" t="s">
        <v>769</v>
      </c>
      <c r="G202" s="10" t="s">
        <v>1352</v>
      </c>
    </row>
    <row r="203" spans="1:7" ht="60" customHeight="1">
      <c r="A203" s="24" t="s">
        <v>1026</v>
      </c>
      <c r="B203" s="11" t="s">
        <v>1027</v>
      </c>
      <c r="C203" s="11" t="s">
        <v>701</v>
      </c>
      <c r="D203" s="11" t="s">
        <v>1028</v>
      </c>
      <c r="E203" s="33">
        <v>42826</v>
      </c>
      <c r="F203" s="11" t="s">
        <v>880</v>
      </c>
      <c r="G203" s="45" t="s">
        <v>1343</v>
      </c>
    </row>
    <row r="204" spans="1:7" ht="60" customHeight="1">
      <c r="A204" s="11" t="s">
        <v>1029</v>
      </c>
      <c r="B204" s="11" t="s">
        <v>1030</v>
      </c>
      <c r="C204" s="11" t="s">
        <v>701</v>
      </c>
      <c r="D204" s="11" t="s">
        <v>1031</v>
      </c>
      <c r="E204" s="34">
        <v>42856</v>
      </c>
      <c r="F204" s="8" t="s">
        <v>769</v>
      </c>
      <c r="G204" s="10" t="s">
        <v>1352</v>
      </c>
    </row>
    <row r="205" spans="1:7" ht="60" customHeight="1">
      <c r="A205" s="8" t="s">
        <v>676</v>
      </c>
      <c r="B205" s="8" t="s">
        <v>671</v>
      </c>
      <c r="C205" s="8" t="s">
        <v>672</v>
      </c>
      <c r="D205" s="8" t="s">
        <v>677</v>
      </c>
      <c r="E205" s="15">
        <v>42675</v>
      </c>
      <c r="F205" s="8" t="s">
        <v>160</v>
      </c>
      <c r="G205" s="10" t="s">
        <v>678</v>
      </c>
    </row>
    <row r="206" spans="1:7" ht="60" customHeight="1">
      <c r="A206" s="8" t="s">
        <v>679</v>
      </c>
      <c r="B206" s="8" t="s">
        <v>671</v>
      </c>
      <c r="C206" s="8" t="s">
        <v>672</v>
      </c>
      <c r="D206" s="8" t="s">
        <v>680</v>
      </c>
      <c r="E206" s="15">
        <v>42826</v>
      </c>
      <c r="F206" s="8" t="s">
        <v>681</v>
      </c>
      <c r="G206" s="10" t="s">
        <v>682</v>
      </c>
    </row>
    <row r="207" spans="1:7" ht="39.950000000000003" customHeight="1">
      <c r="A207" s="4" t="s">
        <v>1251</v>
      </c>
      <c r="B207" s="4"/>
      <c r="C207" s="4"/>
      <c r="D207" s="4"/>
      <c r="E207" s="4"/>
      <c r="F207" s="4"/>
      <c r="G207" s="4"/>
    </row>
    <row r="208" spans="1:7" ht="60" customHeight="1">
      <c r="A208" s="8" t="s">
        <v>31</v>
      </c>
      <c r="B208" s="8" t="s">
        <v>8</v>
      </c>
      <c r="C208" s="8" t="s">
        <v>5</v>
      </c>
      <c r="D208" s="8" t="s">
        <v>32</v>
      </c>
      <c r="E208" s="8">
        <v>2015</v>
      </c>
      <c r="F208" s="8" t="s">
        <v>33</v>
      </c>
      <c r="G208" s="10" t="s">
        <v>1396</v>
      </c>
    </row>
    <row r="209" spans="1:7" ht="60" customHeight="1">
      <c r="A209" s="8" t="s">
        <v>34</v>
      </c>
      <c r="B209" s="8" t="s">
        <v>35</v>
      </c>
      <c r="C209" s="8" t="s">
        <v>5</v>
      </c>
      <c r="D209" s="8" t="s">
        <v>1266</v>
      </c>
      <c r="E209" s="8">
        <v>2015</v>
      </c>
      <c r="F209" s="8" t="s">
        <v>1265</v>
      </c>
      <c r="G209" s="46"/>
    </row>
    <row r="210" spans="1:7" ht="60" customHeight="1">
      <c r="A210" s="8" t="s">
        <v>231</v>
      </c>
      <c r="B210" s="8" t="s">
        <v>158</v>
      </c>
      <c r="C210" s="8" t="s">
        <v>147</v>
      </c>
      <c r="D210" s="47" t="s">
        <v>232</v>
      </c>
      <c r="E210" s="15">
        <v>42491</v>
      </c>
      <c r="F210" s="8" t="s">
        <v>233</v>
      </c>
      <c r="G210" s="10" t="s">
        <v>234</v>
      </c>
    </row>
    <row r="211" spans="1:7" ht="60" customHeight="1">
      <c r="A211" s="8" t="s">
        <v>324</v>
      </c>
      <c r="B211" s="8" t="s">
        <v>146</v>
      </c>
      <c r="C211" s="8" t="s">
        <v>147</v>
      </c>
      <c r="D211" s="8" t="s">
        <v>325</v>
      </c>
      <c r="E211" s="15">
        <v>42278</v>
      </c>
      <c r="F211" s="8" t="s">
        <v>170</v>
      </c>
      <c r="G211" s="23" t="s">
        <v>326</v>
      </c>
    </row>
    <row r="212" spans="1:7" ht="60" customHeight="1">
      <c r="A212" s="8" t="s">
        <v>327</v>
      </c>
      <c r="B212" s="8" t="s">
        <v>146</v>
      </c>
      <c r="C212" s="8" t="s">
        <v>147</v>
      </c>
      <c r="D212" s="8" t="s">
        <v>208</v>
      </c>
      <c r="E212" s="15">
        <v>42248</v>
      </c>
      <c r="F212" s="8" t="s">
        <v>113</v>
      </c>
      <c r="G212" s="10" t="s">
        <v>328</v>
      </c>
    </row>
    <row r="213" spans="1:7" ht="60" customHeight="1">
      <c r="A213" s="8" t="s">
        <v>329</v>
      </c>
      <c r="B213" s="8" t="s">
        <v>146</v>
      </c>
      <c r="C213" s="8" t="s">
        <v>147</v>
      </c>
      <c r="D213" s="8" t="s">
        <v>330</v>
      </c>
      <c r="E213" s="15">
        <v>42217</v>
      </c>
      <c r="F213" s="8" t="s">
        <v>331</v>
      </c>
      <c r="G213" s="23" t="s">
        <v>332</v>
      </c>
    </row>
    <row r="214" spans="1:7" ht="60" customHeight="1">
      <c r="A214" s="8" t="s">
        <v>333</v>
      </c>
      <c r="B214" s="8" t="s">
        <v>146</v>
      </c>
      <c r="C214" s="8" t="s">
        <v>147</v>
      </c>
      <c r="D214" s="8" t="s">
        <v>32</v>
      </c>
      <c r="E214" s="15">
        <v>42156</v>
      </c>
      <c r="F214" s="8" t="s">
        <v>334</v>
      </c>
      <c r="G214" s="23" t="s">
        <v>335</v>
      </c>
    </row>
    <row r="215" spans="1:7" ht="60" customHeight="1">
      <c r="A215" s="8" t="s">
        <v>336</v>
      </c>
      <c r="B215" s="8" t="s">
        <v>158</v>
      </c>
      <c r="C215" s="8" t="s">
        <v>147</v>
      </c>
      <c r="D215" s="8" t="s">
        <v>208</v>
      </c>
      <c r="E215" s="15">
        <v>42309</v>
      </c>
      <c r="F215" s="8" t="s">
        <v>337</v>
      </c>
      <c r="G215" s="10" t="s">
        <v>338</v>
      </c>
    </row>
    <row r="216" spans="1:7" ht="60" customHeight="1">
      <c r="A216" s="8" t="s">
        <v>339</v>
      </c>
      <c r="B216" s="8" t="s">
        <v>340</v>
      </c>
      <c r="C216" s="8" t="s">
        <v>147</v>
      </c>
      <c r="D216" s="8" t="s">
        <v>341</v>
      </c>
      <c r="E216" s="15">
        <v>42491</v>
      </c>
      <c r="F216" s="8" t="s">
        <v>342</v>
      </c>
      <c r="G216" s="10" t="s">
        <v>343</v>
      </c>
    </row>
    <row r="217" spans="1:7" ht="60" customHeight="1">
      <c r="A217" s="8" t="s">
        <v>344</v>
      </c>
      <c r="B217" s="8" t="s">
        <v>340</v>
      </c>
      <c r="C217" s="8" t="s">
        <v>147</v>
      </c>
      <c r="D217" s="8" t="s">
        <v>345</v>
      </c>
      <c r="E217" s="8" t="s">
        <v>346</v>
      </c>
      <c r="F217" s="8" t="s">
        <v>347</v>
      </c>
      <c r="G217" s="10" t="s">
        <v>348</v>
      </c>
    </row>
    <row r="218" spans="1:7" ht="60" customHeight="1">
      <c r="A218" s="8" t="s">
        <v>349</v>
      </c>
      <c r="B218" s="8" t="s">
        <v>340</v>
      </c>
      <c r="C218" s="8" t="s">
        <v>147</v>
      </c>
      <c r="D218" s="8" t="s">
        <v>350</v>
      </c>
      <c r="E218" s="8" t="s">
        <v>351</v>
      </c>
      <c r="F218" s="8" t="s">
        <v>352</v>
      </c>
      <c r="G218" s="10" t="s">
        <v>353</v>
      </c>
    </row>
    <row r="219" spans="1:7" ht="60" customHeight="1">
      <c r="A219" s="8" t="s">
        <v>354</v>
      </c>
      <c r="B219" s="8" t="s">
        <v>340</v>
      </c>
      <c r="C219" s="8" t="s">
        <v>147</v>
      </c>
      <c r="D219" s="8" t="s">
        <v>355</v>
      </c>
      <c r="E219" s="8" t="s">
        <v>356</v>
      </c>
      <c r="F219" s="8" t="s">
        <v>357</v>
      </c>
      <c r="G219" s="10" t="s">
        <v>358</v>
      </c>
    </row>
    <row r="220" spans="1:7" ht="60" customHeight="1">
      <c r="A220" s="8" t="s">
        <v>359</v>
      </c>
      <c r="B220" s="8" t="s">
        <v>340</v>
      </c>
      <c r="C220" s="8" t="s">
        <v>147</v>
      </c>
      <c r="D220" s="8" t="s">
        <v>360</v>
      </c>
      <c r="E220" s="8" t="s">
        <v>361</v>
      </c>
      <c r="F220" s="8" t="s">
        <v>362</v>
      </c>
      <c r="G220" s="10" t="s">
        <v>363</v>
      </c>
    </row>
    <row r="221" spans="1:7" ht="60" customHeight="1">
      <c r="A221" s="8" t="s">
        <v>364</v>
      </c>
      <c r="B221" s="8" t="s">
        <v>167</v>
      </c>
      <c r="C221" s="8" t="s">
        <v>168</v>
      </c>
      <c r="D221" s="8" t="s">
        <v>1294</v>
      </c>
      <c r="E221" s="15">
        <v>42156</v>
      </c>
      <c r="F221" s="8" t="s">
        <v>365</v>
      </c>
      <c r="G221" s="10" t="s">
        <v>366</v>
      </c>
    </row>
    <row r="222" spans="1:7" ht="60" customHeight="1">
      <c r="A222" s="8" t="s">
        <v>367</v>
      </c>
      <c r="B222" s="8" t="s">
        <v>173</v>
      </c>
      <c r="C222" s="8" t="s">
        <v>147</v>
      </c>
      <c r="D222" s="8" t="s">
        <v>208</v>
      </c>
      <c r="E222" s="8">
        <v>2015</v>
      </c>
      <c r="F222" s="8" t="s">
        <v>337</v>
      </c>
      <c r="G222" s="10" t="s">
        <v>368</v>
      </c>
    </row>
    <row r="223" spans="1:7" ht="60" customHeight="1">
      <c r="A223" s="8" t="s">
        <v>369</v>
      </c>
      <c r="B223" s="8" t="s">
        <v>173</v>
      </c>
      <c r="C223" s="8" t="s">
        <v>147</v>
      </c>
      <c r="D223" s="8" t="s">
        <v>370</v>
      </c>
      <c r="E223" s="8">
        <v>2015</v>
      </c>
      <c r="F223" s="8" t="s">
        <v>371</v>
      </c>
      <c r="G223" s="10" t="s">
        <v>372</v>
      </c>
    </row>
    <row r="224" spans="1:7" ht="60" customHeight="1">
      <c r="A224" s="8" t="s">
        <v>373</v>
      </c>
      <c r="B224" s="8" t="s">
        <v>183</v>
      </c>
      <c r="C224" s="8" t="s">
        <v>147</v>
      </c>
      <c r="D224" s="8" t="s">
        <v>374</v>
      </c>
      <c r="E224" s="8" t="s">
        <v>375</v>
      </c>
      <c r="F224" s="8" t="s">
        <v>376</v>
      </c>
      <c r="G224" s="10" t="s">
        <v>377</v>
      </c>
    </row>
    <row r="225" spans="1:7" ht="60" customHeight="1">
      <c r="A225" s="8" t="s">
        <v>378</v>
      </c>
      <c r="B225" s="8" t="s">
        <v>183</v>
      </c>
      <c r="C225" s="8" t="s">
        <v>147</v>
      </c>
      <c r="D225" s="8" t="s">
        <v>379</v>
      </c>
      <c r="E225" s="8" t="s">
        <v>375</v>
      </c>
      <c r="F225" s="8" t="s">
        <v>1295</v>
      </c>
      <c r="G225" s="10" t="s">
        <v>380</v>
      </c>
    </row>
    <row r="226" spans="1:7" ht="60" customHeight="1">
      <c r="A226" s="8" t="s">
        <v>381</v>
      </c>
      <c r="B226" s="8" t="s">
        <v>183</v>
      </c>
      <c r="C226" s="8" t="s">
        <v>147</v>
      </c>
      <c r="D226" s="8" t="s">
        <v>382</v>
      </c>
      <c r="E226" s="8" t="s">
        <v>375</v>
      </c>
      <c r="F226" s="8" t="s">
        <v>383</v>
      </c>
      <c r="G226" s="10" t="s">
        <v>384</v>
      </c>
    </row>
    <row r="227" spans="1:7" ht="60" customHeight="1">
      <c r="A227" s="8" t="s">
        <v>385</v>
      </c>
      <c r="B227" s="8" t="s">
        <v>183</v>
      </c>
      <c r="C227" s="8" t="s">
        <v>147</v>
      </c>
      <c r="D227" s="8" t="s">
        <v>386</v>
      </c>
      <c r="E227" s="8" t="s">
        <v>375</v>
      </c>
      <c r="F227" s="8" t="s">
        <v>1296</v>
      </c>
      <c r="G227" s="10" t="s">
        <v>387</v>
      </c>
    </row>
    <row r="228" spans="1:7" ht="60" customHeight="1">
      <c r="A228" s="8" t="s">
        <v>388</v>
      </c>
      <c r="B228" s="8" t="s">
        <v>183</v>
      </c>
      <c r="C228" s="8" t="s">
        <v>147</v>
      </c>
      <c r="D228" s="8" t="s">
        <v>389</v>
      </c>
      <c r="E228" s="8" t="s">
        <v>375</v>
      </c>
      <c r="F228" s="8" t="s">
        <v>376</v>
      </c>
      <c r="G228" s="10" t="s">
        <v>390</v>
      </c>
    </row>
    <row r="229" spans="1:7" ht="60" customHeight="1">
      <c r="A229" s="24" t="s">
        <v>547</v>
      </c>
      <c r="B229" s="24" t="s">
        <v>415</v>
      </c>
      <c r="C229" s="8" t="s">
        <v>393</v>
      </c>
      <c r="D229" s="24" t="s">
        <v>548</v>
      </c>
      <c r="E229" s="15">
        <v>42430</v>
      </c>
      <c r="F229" s="8" t="s">
        <v>84</v>
      </c>
      <c r="G229" s="10" t="s">
        <v>1491</v>
      </c>
    </row>
    <row r="230" spans="1:7" ht="60" customHeight="1">
      <c r="A230" s="24" t="s">
        <v>549</v>
      </c>
      <c r="B230" s="24" t="s">
        <v>415</v>
      </c>
      <c r="C230" s="8" t="s">
        <v>393</v>
      </c>
      <c r="D230" s="24" t="s">
        <v>550</v>
      </c>
      <c r="E230" s="15">
        <v>42309</v>
      </c>
      <c r="F230" s="8" t="s">
        <v>113</v>
      </c>
      <c r="G230" s="10" t="s">
        <v>1491</v>
      </c>
    </row>
    <row r="231" spans="1:7" ht="60" customHeight="1">
      <c r="A231" s="24" t="s">
        <v>547</v>
      </c>
      <c r="B231" s="24" t="s">
        <v>425</v>
      </c>
      <c r="C231" s="8" t="s">
        <v>393</v>
      </c>
      <c r="D231" s="24" t="s">
        <v>551</v>
      </c>
      <c r="E231" s="15">
        <v>42430</v>
      </c>
      <c r="F231" s="8" t="s">
        <v>84</v>
      </c>
      <c r="G231" s="28" t="s">
        <v>1431</v>
      </c>
    </row>
    <row r="232" spans="1:7" ht="60" customHeight="1">
      <c r="A232" s="24" t="s">
        <v>552</v>
      </c>
      <c r="B232" s="24" t="s">
        <v>425</v>
      </c>
      <c r="C232" s="8" t="s">
        <v>393</v>
      </c>
      <c r="D232" s="24" t="s">
        <v>553</v>
      </c>
      <c r="E232" s="15">
        <v>42491</v>
      </c>
      <c r="F232" s="8" t="s">
        <v>334</v>
      </c>
      <c r="G232" s="28" t="s">
        <v>1431</v>
      </c>
    </row>
    <row r="233" spans="1:7" ht="60" customHeight="1">
      <c r="A233" s="24" t="s">
        <v>554</v>
      </c>
      <c r="B233" s="24" t="s">
        <v>392</v>
      </c>
      <c r="C233" s="8" t="s">
        <v>393</v>
      </c>
      <c r="D233" s="24" t="s">
        <v>555</v>
      </c>
      <c r="E233" s="48">
        <v>42277</v>
      </c>
      <c r="F233" s="8"/>
      <c r="G233" s="10" t="s">
        <v>1314</v>
      </c>
    </row>
    <row r="234" spans="1:7" ht="60" customHeight="1">
      <c r="A234" s="24" t="s">
        <v>556</v>
      </c>
      <c r="B234" s="24" t="s">
        <v>429</v>
      </c>
      <c r="C234" s="8" t="s">
        <v>393</v>
      </c>
      <c r="D234" s="24" t="s">
        <v>557</v>
      </c>
      <c r="E234" s="15">
        <v>42339</v>
      </c>
      <c r="F234" s="8" t="s">
        <v>558</v>
      </c>
      <c r="G234" s="10" t="s">
        <v>1341</v>
      </c>
    </row>
    <row r="235" spans="1:7" ht="60" customHeight="1">
      <c r="A235" s="24" t="s">
        <v>547</v>
      </c>
      <c r="B235" s="24" t="s">
        <v>440</v>
      </c>
      <c r="C235" s="8" t="s">
        <v>393</v>
      </c>
      <c r="D235" s="24" t="s">
        <v>559</v>
      </c>
      <c r="E235" s="15">
        <v>42430</v>
      </c>
      <c r="F235" s="24" t="s">
        <v>560</v>
      </c>
      <c r="G235" s="28" t="s">
        <v>1432</v>
      </c>
    </row>
    <row r="236" spans="1:7" ht="60" customHeight="1">
      <c r="A236" s="24" t="s">
        <v>561</v>
      </c>
      <c r="B236" s="24" t="s">
        <v>440</v>
      </c>
      <c r="C236" s="8" t="s">
        <v>393</v>
      </c>
      <c r="D236" s="24" t="s">
        <v>562</v>
      </c>
      <c r="E236" s="8">
        <v>2015</v>
      </c>
      <c r="F236" s="24" t="s">
        <v>563</v>
      </c>
      <c r="G236" s="28" t="s">
        <v>1432</v>
      </c>
    </row>
    <row r="237" spans="1:7" ht="60" customHeight="1">
      <c r="A237" s="24" t="s">
        <v>564</v>
      </c>
      <c r="B237" s="24" t="s">
        <v>450</v>
      </c>
      <c r="C237" s="8" t="s">
        <v>393</v>
      </c>
      <c r="D237" s="24" t="s">
        <v>565</v>
      </c>
      <c r="E237" s="8">
        <v>2015</v>
      </c>
      <c r="F237" s="24" t="s">
        <v>334</v>
      </c>
      <c r="G237" s="10" t="s">
        <v>1434</v>
      </c>
    </row>
    <row r="238" spans="1:7" s="49" customFormat="1" ht="60" customHeight="1">
      <c r="A238" s="24" t="s">
        <v>566</v>
      </c>
      <c r="B238" s="24" t="s">
        <v>450</v>
      </c>
      <c r="C238" s="24" t="s">
        <v>393</v>
      </c>
      <c r="D238" s="24" t="s">
        <v>567</v>
      </c>
      <c r="E238" s="29">
        <v>42491</v>
      </c>
      <c r="F238" s="24" t="s">
        <v>568</v>
      </c>
      <c r="G238" s="10" t="s">
        <v>1434</v>
      </c>
    </row>
    <row r="239" spans="1:7" ht="60" customHeight="1">
      <c r="A239" s="24" t="s">
        <v>569</v>
      </c>
      <c r="B239" s="24" t="s">
        <v>570</v>
      </c>
      <c r="C239" s="8" t="s">
        <v>393</v>
      </c>
      <c r="D239" s="24" t="s">
        <v>571</v>
      </c>
      <c r="E239" s="15">
        <v>42248</v>
      </c>
      <c r="F239" s="24" t="s">
        <v>113</v>
      </c>
      <c r="G239" s="46"/>
    </row>
    <row r="240" spans="1:7" ht="60" customHeight="1">
      <c r="A240" s="24" t="s">
        <v>572</v>
      </c>
      <c r="B240" s="24" t="s">
        <v>573</v>
      </c>
      <c r="C240" s="8" t="s">
        <v>393</v>
      </c>
      <c r="D240" s="24" t="s">
        <v>574</v>
      </c>
      <c r="E240" s="15">
        <v>42370</v>
      </c>
      <c r="F240" s="24" t="s">
        <v>543</v>
      </c>
      <c r="G240" s="10" t="s">
        <v>1410</v>
      </c>
    </row>
    <row r="241" spans="1:7" ht="60" customHeight="1">
      <c r="A241" s="24" t="s">
        <v>575</v>
      </c>
      <c r="B241" s="24" t="s">
        <v>576</v>
      </c>
      <c r="C241" s="8" t="s">
        <v>393</v>
      </c>
      <c r="D241" s="24" t="s">
        <v>574</v>
      </c>
      <c r="E241" s="15">
        <v>42217</v>
      </c>
      <c r="F241" s="24" t="s">
        <v>543</v>
      </c>
      <c r="G241" s="10" t="s">
        <v>1435</v>
      </c>
    </row>
    <row r="242" spans="1:7" ht="60" customHeight="1">
      <c r="A242" s="24" t="s">
        <v>577</v>
      </c>
      <c r="B242" s="24" t="s">
        <v>576</v>
      </c>
      <c r="C242" s="8" t="s">
        <v>393</v>
      </c>
      <c r="D242" s="24" t="s">
        <v>578</v>
      </c>
      <c r="E242" s="15">
        <v>42401</v>
      </c>
      <c r="F242" s="24" t="s">
        <v>584</v>
      </c>
      <c r="G242" s="10" t="s">
        <v>1435</v>
      </c>
    </row>
    <row r="243" spans="1:7" ht="60" customHeight="1">
      <c r="A243" s="24" t="s">
        <v>579</v>
      </c>
      <c r="B243" s="24" t="s">
        <v>576</v>
      </c>
      <c r="C243" s="8" t="s">
        <v>393</v>
      </c>
      <c r="D243" s="24" t="s">
        <v>580</v>
      </c>
      <c r="E243" s="15">
        <v>42461</v>
      </c>
      <c r="F243" s="24" t="s">
        <v>585</v>
      </c>
      <c r="G243" s="10" t="s">
        <v>1435</v>
      </c>
    </row>
    <row r="244" spans="1:7" ht="60" customHeight="1">
      <c r="A244" s="24" t="s">
        <v>582</v>
      </c>
      <c r="B244" s="24" t="s">
        <v>583</v>
      </c>
      <c r="C244" s="8" t="s">
        <v>393</v>
      </c>
      <c r="D244" s="24" t="s">
        <v>581</v>
      </c>
      <c r="E244" s="15">
        <v>42430</v>
      </c>
      <c r="F244" s="24" t="s">
        <v>586</v>
      </c>
      <c r="G244" s="46"/>
    </row>
    <row r="245" spans="1:7" ht="60" customHeight="1">
      <c r="A245" s="8" t="s">
        <v>135</v>
      </c>
      <c r="B245" s="8" t="s">
        <v>136</v>
      </c>
      <c r="C245" s="8" t="s">
        <v>132</v>
      </c>
      <c r="D245" s="8" t="s">
        <v>137</v>
      </c>
      <c r="E245" s="8">
        <v>2016</v>
      </c>
      <c r="F245" s="8" t="s">
        <v>138</v>
      </c>
      <c r="G245" s="10" t="s">
        <v>139</v>
      </c>
    </row>
    <row r="246" spans="1:7" ht="60" customHeight="1">
      <c r="A246" s="8" t="s">
        <v>140</v>
      </c>
      <c r="B246" s="8" t="s">
        <v>141</v>
      </c>
      <c r="C246" s="8" t="s">
        <v>132</v>
      </c>
      <c r="D246" s="11" t="s">
        <v>142</v>
      </c>
      <c r="E246" s="8">
        <v>2015</v>
      </c>
      <c r="F246" s="16" t="s">
        <v>143</v>
      </c>
      <c r="G246" s="10" t="s">
        <v>144</v>
      </c>
    </row>
    <row r="247" spans="1:7" ht="60" customHeight="1">
      <c r="A247" s="8" t="s">
        <v>1153</v>
      </c>
      <c r="B247" s="8" t="s">
        <v>1147</v>
      </c>
      <c r="C247" s="8" t="s">
        <v>1087</v>
      </c>
      <c r="D247" s="8" t="s">
        <v>32</v>
      </c>
      <c r="E247" s="8" t="s">
        <v>1509</v>
      </c>
      <c r="F247" s="8" t="s">
        <v>81</v>
      </c>
      <c r="G247" s="10" t="s">
        <v>1154</v>
      </c>
    </row>
    <row r="248" spans="1:7" ht="60" customHeight="1">
      <c r="A248" s="16" t="s">
        <v>1222</v>
      </c>
      <c r="B248" s="8" t="s">
        <v>1219</v>
      </c>
      <c r="C248" s="8" t="s">
        <v>1087</v>
      </c>
      <c r="D248" s="11" t="s">
        <v>32</v>
      </c>
      <c r="E248" s="30">
        <v>42491</v>
      </c>
      <c r="F248" s="11" t="s">
        <v>1223</v>
      </c>
      <c r="G248" s="10" t="s">
        <v>1154</v>
      </c>
    </row>
    <row r="249" spans="1:7" ht="60" customHeight="1">
      <c r="A249" s="16" t="s">
        <v>1141</v>
      </c>
      <c r="B249" s="8" t="s">
        <v>1142</v>
      </c>
      <c r="C249" s="8" t="s">
        <v>1087</v>
      </c>
      <c r="D249" s="16" t="s">
        <v>1143</v>
      </c>
      <c r="E249" s="16" t="s">
        <v>1144</v>
      </c>
      <c r="F249" s="11" t="s">
        <v>1145</v>
      </c>
      <c r="G249" s="10" t="s">
        <v>1146</v>
      </c>
    </row>
    <row r="250" spans="1:7" ht="60" customHeight="1">
      <c r="A250" s="8" t="s">
        <v>1224</v>
      </c>
      <c r="B250" s="8" t="s">
        <v>1225</v>
      </c>
      <c r="C250" s="8" t="s">
        <v>1087</v>
      </c>
      <c r="D250" s="8" t="s">
        <v>325</v>
      </c>
      <c r="E250" s="15">
        <v>42370</v>
      </c>
      <c r="F250" s="8" t="s">
        <v>1181</v>
      </c>
      <c r="G250" s="10" t="s">
        <v>1415</v>
      </c>
    </row>
    <row r="251" spans="1:7" ht="60" customHeight="1">
      <c r="A251" s="8" t="s">
        <v>1120</v>
      </c>
      <c r="B251" s="11" t="s">
        <v>1121</v>
      </c>
      <c r="C251" s="8" t="s">
        <v>1087</v>
      </c>
      <c r="D251" s="11" t="s">
        <v>1090</v>
      </c>
      <c r="E251" s="11" t="s">
        <v>1091</v>
      </c>
      <c r="F251" s="11" t="s">
        <v>1122</v>
      </c>
      <c r="G251" s="26" t="s">
        <v>1423</v>
      </c>
    </row>
    <row r="252" spans="1:7" ht="60" customHeight="1">
      <c r="A252" s="8" t="s">
        <v>1226</v>
      </c>
      <c r="B252" s="8" t="s">
        <v>1225</v>
      </c>
      <c r="C252" s="8" t="s">
        <v>1087</v>
      </c>
      <c r="D252" s="8" t="s">
        <v>325</v>
      </c>
      <c r="E252" s="15">
        <v>42461</v>
      </c>
      <c r="F252" s="8" t="s">
        <v>402</v>
      </c>
      <c r="G252" s="50" t="s">
        <v>1414</v>
      </c>
    </row>
    <row r="253" spans="1:7" ht="60" customHeight="1">
      <c r="A253" s="16" t="s">
        <v>1218</v>
      </c>
      <c r="B253" s="8" t="s">
        <v>1219</v>
      </c>
      <c r="C253" s="8" t="s">
        <v>1087</v>
      </c>
      <c r="D253" s="11" t="s">
        <v>1095</v>
      </c>
      <c r="E253" s="30">
        <v>42430</v>
      </c>
      <c r="F253" s="11" t="s">
        <v>1220</v>
      </c>
      <c r="G253" s="10" t="s">
        <v>1413</v>
      </c>
    </row>
    <row r="254" spans="1:7" ht="60" customHeight="1">
      <c r="A254" s="11" t="s">
        <v>1098</v>
      </c>
      <c r="B254" s="8" t="s">
        <v>1219</v>
      </c>
      <c r="C254" s="8" t="s">
        <v>1087</v>
      </c>
      <c r="D254" s="11" t="s">
        <v>1095</v>
      </c>
      <c r="E254" s="30">
        <v>42430</v>
      </c>
      <c r="F254" s="11" t="s">
        <v>1221</v>
      </c>
      <c r="G254" s="10" t="s">
        <v>1100</v>
      </c>
    </row>
    <row r="255" spans="1:7" ht="60" customHeight="1">
      <c r="A255" s="8" t="s">
        <v>1227</v>
      </c>
      <c r="B255" s="8" t="s">
        <v>1225</v>
      </c>
      <c r="C255" s="8" t="s">
        <v>1087</v>
      </c>
      <c r="D255" s="8" t="s">
        <v>1228</v>
      </c>
      <c r="E255" s="8" t="s">
        <v>1229</v>
      </c>
      <c r="F255" s="8" t="s">
        <v>1230</v>
      </c>
      <c r="G255" s="10" t="s">
        <v>1416</v>
      </c>
    </row>
    <row r="256" spans="1:7" ht="60" customHeight="1">
      <c r="A256" s="8" t="s">
        <v>1231</v>
      </c>
      <c r="B256" s="8" t="s">
        <v>1225</v>
      </c>
      <c r="C256" s="8" t="s">
        <v>1087</v>
      </c>
      <c r="D256" s="8" t="s">
        <v>1232</v>
      </c>
      <c r="E256" s="15">
        <v>42430</v>
      </c>
      <c r="F256" s="8" t="s">
        <v>1233</v>
      </c>
      <c r="G256" s="10" t="s">
        <v>1417</v>
      </c>
    </row>
    <row r="257" spans="1:7" ht="60" customHeight="1">
      <c r="A257" s="16" t="s">
        <v>1176</v>
      </c>
      <c r="B257" s="8" t="s">
        <v>1177</v>
      </c>
      <c r="C257" s="8" t="s">
        <v>1087</v>
      </c>
      <c r="D257" s="8" t="s">
        <v>325</v>
      </c>
      <c r="E257" s="15">
        <v>42339</v>
      </c>
      <c r="F257" s="8" t="s">
        <v>1178</v>
      </c>
      <c r="G257" s="10" t="s">
        <v>1428</v>
      </c>
    </row>
    <row r="258" spans="1:7" ht="60" customHeight="1">
      <c r="A258" s="16" t="s">
        <v>1179</v>
      </c>
      <c r="B258" s="8" t="s">
        <v>1180</v>
      </c>
      <c r="C258" s="8" t="s">
        <v>1087</v>
      </c>
      <c r="D258" s="8" t="s">
        <v>325</v>
      </c>
      <c r="E258" s="15">
        <v>42309</v>
      </c>
      <c r="F258" s="8" t="s">
        <v>1181</v>
      </c>
      <c r="G258" s="10" t="s">
        <v>1182</v>
      </c>
    </row>
    <row r="259" spans="1:7" ht="60" customHeight="1">
      <c r="A259" s="8" t="s">
        <v>1089</v>
      </c>
      <c r="B259" s="8" t="s">
        <v>1086</v>
      </c>
      <c r="C259" s="8" t="s">
        <v>1087</v>
      </c>
      <c r="D259" s="11" t="s">
        <v>1090</v>
      </c>
      <c r="E259" s="11" t="s">
        <v>1091</v>
      </c>
      <c r="F259" s="11" t="s">
        <v>1092</v>
      </c>
      <c r="G259" s="10" t="s">
        <v>1093</v>
      </c>
    </row>
    <row r="260" spans="1:7" ht="60" customHeight="1">
      <c r="A260" s="11" t="s">
        <v>1094</v>
      </c>
      <c r="B260" s="8" t="s">
        <v>1086</v>
      </c>
      <c r="C260" s="8" t="s">
        <v>1087</v>
      </c>
      <c r="D260" s="11" t="s">
        <v>1095</v>
      </c>
      <c r="E260" s="51">
        <v>42432</v>
      </c>
      <c r="F260" s="11" t="s">
        <v>1096</v>
      </c>
      <c r="G260" s="10" t="s">
        <v>1097</v>
      </c>
    </row>
    <row r="261" spans="1:7" ht="60" customHeight="1">
      <c r="A261" s="16" t="s">
        <v>1510</v>
      </c>
      <c r="B261" s="8" t="s">
        <v>1147</v>
      </c>
      <c r="C261" s="8" t="s">
        <v>1087</v>
      </c>
      <c r="D261" s="8" t="s">
        <v>1095</v>
      </c>
      <c r="E261" s="48">
        <v>42451</v>
      </c>
      <c r="F261" s="8" t="s">
        <v>1151</v>
      </c>
      <c r="G261" s="10" t="s">
        <v>1152</v>
      </c>
    </row>
    <row r="262" spans="1:7" ht="60" customHeight="1">
      <c r="A262" s="8" t="s">
        <v>1155</v>
      </c>
      <c r="B262" s="8" t="s">
        <v>1147</v>
      </c>
      <c r="C262" s="8" t="s">
        <v>1087</v>
      </c>
      <c r="D262" s="8" t="s">
        <v>1095</v>
      </c>
      <c r="E262" s="48">
        <v>42449</v>
      </c>
      <c r="F262" s="16" t="s">
        <v>1156</v>
      </c>
      <c r="G262" s="10" t="s">
        <v>1100</v>
      </c>
    </row>
    <row r="263" spans="1:7" ht="60" customHeight="1">
      <c r="A263" s="16" t="s">
        <v>1183</v>
      </c>
      <c r="B263" s="8" t="s">
        <v>1180</v>
      </c>
      <c r="C263" s="8" t="s">
        <v>1087</v>
      </c>
      <c r="D263" s="8" t="s">
        <v>1184</v>
      </c>
      <c r="E263" s="8" t="s">
        <v>375</v>
      </c>
      <c r="F263" s="8" t="s">
        <v>1185</v>
      </c>
      <c r="G263" s="10" t="s">
        <v>1186</v>
      </c>
    </row>
    <row r="264" spans="1:7" ht="60" customHeight="1">
      <c r="A264" s="8" t="s">
        <v>1187</v>
      </c>
      <c r="B264" s="8" t="s">
        <v>1188</v>
      </c>
      <c r="C264" s="8" t="s">
        <v>1087</v>
      </c>
      <c r="D264" s="8" t="s">
        <v>1189</v>
      </c>
      <c r="E264" s="8">
        <v>2016</v>
      </c>
      <c r="F264" s="8" t="s">
        <v>1190</v>
      </c>
      <c r="G264" s="10" t="s">
        <v>1191</v>
      </c>
    </row>
    <row r="265" spans="1:7" ht="60" customHeight="1">
      <c r="A265" s="11" t="s">
        <v>1098</v>
      </c>
      <c r="B265" s="8" t="s">
        <v>1086</v>
      </c>
      <c r="C265" s="8" t="s">
        <v>1087</v>
      </c>
      <c r="D265" s="11" t="s">
        <v>1095</v>
      </c>
      <c r="E265" s="51">
        <v>42432</v>
      </c>
      <c r="F265" s="11" t="s">
        <v>1099</v>
      </c>
      <c r="G265" s="10" t="s">
        <v>1100</v>
      </c>
    </row>
    <row r="266" spans="1:7" ht="60" customHeight="1">
      <c r="A266" s="8" t="s">
        <v>1204</v>
      </c>
      <c r="B266" s="8" t="s">
        <v>1195</v>
      </c>
      <c r="C266" s="8" t="s">
        <v>1087</v>
      </c>
      <c r="D266" s="8" t="s">
        <v>1205</v>
      </c>
      <c r="E266" s="15">
        <v>42186</v>
      </c>
      <c r="F266" s="8" t="s">
        <v>1206</v>
      </c>
      <c r="G266" s="10" t="s">
        <v>1207</v>
      </c>
    </row>
    <row r="267" spans="1:7" ht="60" customHeight="1">
      <c r="A267" s="8" t="s">
        <v>1123</v>
      </c>
      <c r="B267" s="11" t="s">
        <v>1121</v>
      </c>
      <c r="C267" s="8" t="s">
        <v>1087</v>
      </c>
      <c r="D267" s="11" t="s">
        <v>1095</v>
      </c>
      <c r="E267" s="30">
        <v>42186</v>
      </c>
      <c r="F267" s="8" t="s">
        <v>1124</v>
      </c>
      <c r="G267" s="26" t="s">
        <v>1422</v>
      </c>
    </row>
    <row r="268" spans="1:7" ht="60" customHeight="1">
      <c r="A268" s="8" t="s">
        <v>683</v>
      </c>
      <c r="B268" s="8" t="s">
        <v>684</v>
      </c>
      <c r="C268" s="8" t="s">
        <v>672</v>
      </c>
      <c r="D268" s="8" t="s">
        <v>685</v>
      </c>
      <c r="E268" s="8" t="s">
        <v>686</v>
      </c>
      <c r="F268" s="8" t="s">
        <v>1392</v>
      </c>
      <c r="G268" s="10" t="s">
        <v>687</v>
      </c>
    </row>
    <row r="269" spans="1:7" ht="60" customHeight="1">
      <c r="A269" s="8" t="s">
        <v>688</v>
      </c>
      <c r="B269" s="11" t="s">
        <v>689</v>
      </c>
      <c r="C269" s="8" t="s">
        <v>672</v>
      </c>
      <c r="D269" s="8" t="s">
        <v>208</v>
      </c>
      <c r="E269" s="8">
        <v>2015</v>
      </c>
      <c r="F269" s="8" t="s">
        <v>690</v>
      </c>
      <c r="G269" s="10" t="s">
        <v>691</v>
      </c>
    </row>
    <row r="270" spans="1:7" ht="60" customHeight="1">
      <c r="A270" s="11" t="s">
        <v>692</v>
      </c>
      <c r="B270" s="11" t="s">
        <v>689</v>
      </c>
      <c r="C270" s="8" t="s">
        <v>672</v>
      </c>
      <c r="D270" s="11" t="s">
        <v>232</v>
      </c>
      <c r="E270" s="11">
        <v>2016</v>
      </c>
      <c r="F270" s="11" t="s">
        <v>693</v>
      </c>
      <c r="G270" s="10" t="s">
        <v>694</v>
      </c>
    </row>
    <row r="271" spans="1:7" ht="60" customHeight="1">
      <c r="A271" s="24" t="s">
        <v>695</v>
      </c>
      <c r="B271" s="24" t="s">
        <v>696</v>
      </c>
      <c r="C271" s="24" t="s">
        <v>672</v>
      </c>
      <c r="D271" s="24" t="s">
        <v>697</v>
      </c>
      <c r="E271" s="24">
        <v>2015</v>
      </c>
      <c r="F271" s="24" t="s">
        <v>698</v>
      </c>
      <c r="G271" s="10" t="s">
        <v>699</v>
      </c>
    </row>
    <row r="272" spans="1:7" ht="60" customHeight="1">
      <c r="A272" s="8" t="s">
        <v>872</v>
      </c>
      <c r="B272" s="11" t="s">
        <v>873</v>
      </c>
      <c r="C272" s="11" t="s">
        <v>701</v>
      </c>
      <c r="D272" s="11" t="s">
        <v>874</v>
      </c>
      <c r="E272" s="33">
        <v>42156</v>
      </c>
      <c r="F272" s="11" t="s">
        <v>732</v>
      </c>
      <c r="G272" s="10" t="s">
        <v>1354</v>
      </c>
    </row>
    <row r="273" spans="1:7" ht="75" customHeight="1">
      <c r="A273" s="8" t="s">
        <v>875</v>
      </c>
      <c r="B273" s="11" t="s">
        <v>771</v>
      </c>
      <c r="C273" s="11" t="s">
        <v>701</v>
      </c>
      <c r="D273" s="11" t="s">
        <v>876</v>
      </c>
      <c r="E273" s="33">
        <v>42156</v>
      </c>
      <c r="F273" s="11" t="s">
        <v>877</v>
      </c>
      <c r="G273" s="10" t="s">
        <v>1445</v>
      </c>
    </row>
    <row r="274" spans="1:7" ht="83.25" customHeight="1">
      <c r="A274" s="8" t="s">
        <v>878</v>
      </c>
      <c r="B274" s="11" t="s">
        <v>839</v>
      </c>
      <c r="C274" s="11" t="s">
        <v>701</v>
      </c>
      <c r="D274" s="11" t="s">
        <v>879</v>
      </c>
      <c r="E274" s="33">
        <v>42156</v>
      </c>
      <c r="F274" s="11"/>
      <c r="G274" s="10" t="s">
        <v>1355</v>
      </c>
    </row>
    <row r="275" spans="1:7" ht="60" customHeight="1">
      <c r="A275" s="8" t="s">
        <v>881</v>
      </c>
      <c r="B275" s="11" t="s">
        <v>882</v>
      </c>
      <c r="C275" s="11" t="s">
        <v>701</v>
      </c>
      <c r="D275" s="11" t="s">
        <v>883</v>
      </c>
      <c r="E275" s="8">
        <v>2015</v>
      </c>
      <c r="F275" s="8" t="s">
        <v>884</v>
      </c>
      <c r="G275" s="10" t="s">
        <v>1356</v>
      </c>
    </row>
    <row r="276" spans="1:7" ht="60" customHeight="1">
      <c r="A276" s="11" t="s">
        <v>885</v>
      </c>
      <c r="B276" s="11" t="s">
        <v>886</v>
      </c>
      <c r="C276" s="11" t="s">
        <v>701</v>
      </c>
      <c r="D276" s="11" t="s">
        <v>887</v>
      </c>
      <c r="E276" s="8">
        <v>2016</v>
      </c>
      <c r="F276" s="8" t="s">
        <v>888</v>
      </c>
      <c r="G276" s="10" t="s">
        <v>1357</v>
      </c>
    </row>
    <row r="277" spans="1:7" ht="78.75" customHeight="1">
      <c r="A277" s="11" t="s">
        <v>889</v>
      </c>
      <c r="B277" s="11" t="s">
        <v>890</v>
      </c>
      <c r="C277" s="11" t="s">
        <v>701</v>
      </c>
      <c r="D277" s="11" t="s">
        <v>891</v>
      </c>
      <c r="E277" s="8">
        <v>2016</v>
      </c>
      <c r="F277" s="8" t="s">
        <v>892</v>
      </c>
      <c r="G277" s="10" t="s">
        <v>1358</v>
      </c>
    </row>
    <row r="278" spans="1:7" ht="60" customHeight="1">
      <c r="A278" s="11" t="s">
        <v>893</v>
      </c>
      <c r="B278" s="11" t="s">
        <v>894</v>
      </c>
      <c r="C278" s="11" t="s">
        <v>701</v>
      </c>
      <c r="D278" s="11" t="s">
        <v>895</v>
      </c>
      <c r="E278" s="8">
        <v>2016</v>
      </c>
      <c r="F278" s="11" t="s">
        <v>892</v>
      </c>
      <c r="G278" s="10" t="s">
        <v>1358</v>
      </c>
    </row>
    <row r="279" spans="1:7" ht="60" customHeight="1">
      <c r="A279" s="11" t="s">
        <v>896</v>
      </c>
      <c r="B279" s="11" t="s">
        <v>897</v>
      </c>
      <c r="C279" s="11" t="s">
        <v>701</v>
      </c>
      <c r="D279" s="11" t="s">
        <v>898</v>
      </c>
      <c r="E279" s="34">
        <v>42036</v>
      </c>
      <c r="F279" s="8" t="s">
        <v>899</v>
      </c>
      <c r="G279" s="10" t="s">
        <v>1356</v>
      </c>
    </row>
    <row r="280" spans="1:7" ht="60" customHeight="1">
      <c r="A280" s="11" t="s">
        <v>900</v>
      </c>
      <c r="B280" s="11" t="s">
        <v>901</v>
      </c>
      <c r="C280" s="11" t="s">
        <v>701</v>
      </c>
      <c r="D280" s="11" t="s">
        <v>902</v>
      </c>
      <c r="E280" s="41">
        <v>42309</v>
      </c>
      <c r="F280" s="8" t="s">
        <v>903</v>
      </c>
      <c r="G280" s="52" t="s">
        <v>1359</v>
      </c>
    </row>
    <row r="281" spans="1:7" ht="60" customHeight="1">
      <c r="A281" s="11" t="s">
        <v>904</v>
      </c>
      <c r="B281" s="11" t="s">
        <v>905</v>
      </c>
      <c r="C281" s="11" t="s">
        <v>701</v>
      </c>
      <c r="D281" s="11" t="s">
        <v>906</v>
      </c>
      <c r="E281" s="41">
        <v>42339</v>
      </c>
      <c r="F281" s="11"/>
      <c r="G281" s="46"/>
    </row>
    <row r="282" spans="1:7" ht="74.25" customHeight="1">
      <c r="A282" s="11" t="s">
        <v>907</v>
      </c>
      <c r="B282" s="11" t="s">
        <v>908</v>
      </c>
      <c r="C282" s="11" t="s">
        <v>701</v>
      </c>
      <c r="D282" s="11" t="s">
        <v>909</v>
      </c>
      <c r="E282" s="41">
        <v>42339</v>
      </c>
      <c r="F282" s="8" t="s">
        <v>892</v>
      </c>
      <c r="G282" s="10" t="s">
        <v>1464</v>
      </c>
    </row>
    <row r="283" spans="1:7" ht="60" customHeight="1">
      <c r="A283" s="11" t="s">
        <v>910</v>
      </c>
      <c r="B283" s="11" t="s">
        <v>911</v>
      </c>
      <c r="C283" s="11" t="s">
        <v>701</v>
      </c>
      <c r="D283" s="11" t="s">
        <v>912</v>
      </c>
      <c r="E283" s="41">
        <v>42339</v>
      </c>
      <c r="F283" s="11"/>
      <c r="G283" s="10" t="s">
        <v>1465</v>
      </c>
    </row>
    <row r="284" spans="1:7" ht="60" customHeight="1">
      <c r="A284" s="11" t="s">
        <v>913</v>
      </c>
      <c r="B284" s="11" t="s">
        <v>914</v>
      </c>
      <c r="C284" s="11" t="s">
        <v>701</v>
      </c>
      <c r="D284" s="11" t="s">
        <v>912</v>
      </c>
      <c r="E284" s="41">
        <v>42339</v>
      </c>
      <c r="F284" s="11"/>
      <c r="G284" s="10" t="s">
        <v>1466</v>
      </c>
    </row>
    <row r="285" spans="1:7" ht="60" customHeight="1">
      <c r="A285" s="11" t="s">
        <v>915</v>
      </c>
      <c r="B285" s="11" t="s">
        <v>916</v>
      </c>
      <c r="C285" s="11" t="s">
        <v>701</v>
      </c>
      <c r="D285" s="11" t="s">
        <v>917</v>
      </c>
      <c r="E285" s="34">
        <v>42370</v>
      </c>
      <c r="F285" s="8" t="s">
        <v>84</v>
      </c>
      <c r="G285" s="10" t="s">
        <v>1460</v>
      </c>
    </row>
    <row r="286" spans="1:7" ht="60" customHeight="1">
      <c r="A286" s="11" t="s">
        <v>918</v>
      </c>
      <c r="B286" s="11" t="s">
        <v>919</v>
      </c>
      <c r="C286" s="11" t="s">
        <v>701</v>
      </c>
      <c r="D286" s="11" t="s">
        <v>920</v>
      </c>
      <c r="E286" s="34">
        <v>42370</v>
      </c>
      <c r="F286" s="11" t="s">
        <v>921</v>
      </c>
      <c r="G286" s="10" t="s">
        <v>1463</v>
      </c>
    </row>
    <row r="287" spans="1:7" ht="78" customHeight="1">
      <c r="A287" s="24" t="s">
        <v>922</v>
      </c>
      <c r="B287" s="11" t="s">
        <v>923</v>
      </c>
      <c r="C287" s="11" t="s">
        <v>701</v>
      </c>
      <c r="D287" s="11" t="s">
        <v>924</v>
      </c>
      <c r="E287" s="34">
        <v>42370</v>
      </c>
      <c r="F287" s="11" t="s">
        <v>925</v>
      </c>
      <c r="G287" s="10" t="s">
        <v>1467</v>
      </c>
    </row>
    <row r="288" spans="1:7" ht="60" customHeight="1">
      <c r="A288" s="11" t="s">
        <v>926</v>
      </c>
      <c r="B288" s="11" t="s">
        <v>927</v>
      </c>
      <c r="C288" s="11" t="s">
        <v>701</v>
      </c>
      <c r="D288" s="11" t="s">
        <v>928</v>
      </c>
      <c r="E288" s="34">
        <v>42370</v>
      </c>
      <c r="F288" s="8" t="s">
        <v>929</v>
      </c>
      <c r="G288" s="10" t="s">
        <v>1468</v>
      </c>
    </row>
    <row r="289" spans="1:7" ht="68.25" customHeight="1">
      <c r="A289" s="11" t="s">
        <v>930</v>
      </c>
      <c r="B289" s="11" t="s">
        <v>919</v>
      </c>
      <c r="C289" s="11" t="s">
        <v>701</v>
      </c>
      <c r="D289" s="11" t="s">
        <v>931</v>
      </c>
      <c r="E289" s="34">
        <v>42401</v>
      </c>
      <c r="F289" s="8" t="s">
        <v>932</v>
      </c>
      <c r="G289" s="10" t="s">
        <v>1462</v>
      </c>
    </row>
    <row r="290" spans="1:7" ht="60" customHeight="1">
      <c r="A290" s="11" t="s">
        <v>933</v>
      </c>
      <c r="B290" s="11" t="s">
        <v>934</v>
      </c>
      <c r="C290" s="11" t="s">
        <v>701</v>
      </c>
      <c r="D290" s="11" t="s">
        <v>935</v>
      </c>
      <c r="E290" s="53">
        <v>42401</v>
      </c>
      <c r="F290" s="54" t="s">
        <v>936</v>
      </c>
      <c r="G290" s="10" t="s">
        <v>1469</v>
      </c>
    </row>
    <row r="291" spans="1:7" ht="60" customHeight="1">
      <c r="A291" s="11" t="s">
        <v>937</v>
      </c>
      <c r="B291" s="11" t="s">
        <v>938</v>
      </c>
      <c r="C291" s="11" t="s">
        <v>701</v>
      </c>
      <c r="D291" s="11" t="s">
        <v>939</v>
      </c>
      <c r="E291" s="34">
        <v>42401</v>
      </c>
      <c r="F291" s="11" t="s">
        <v>940</v>
      </c>
      <c r="G291" s="10" t="s">
        <v>1457</v>
      </c>
    </row>
    <row r="292" spans="1:7" ht="60" customHeight="1">
      <c r="A292" s="11" t="s">
        <v>941</v>
      </c>
      <c r="B292" s="11" t="s">
        <v>942</v>
      </c>
      <c r="C292" s="11" t="s">
        <v>701</v>
      </c>
      <c r="D292" s="11" t="s">
        <v>943</v>
      </c>
      <c r="E292" s="34">
        <v>42401</v>
      </c>
      <c r="F292" s="8" t="s">
        <v>944</v>
      </c>
      <c r="G292" s="10" t="s">
        <v>1458</v>
      </c>
    </row>
    <row r="293" spans="1:7" ht="60" customHeight="1">
      <c r="A293" s="11" t="s">
        <v>945</v>
      </c>
      <c r="B293" s="11" t="s">
        <v>946</v>
      </c>
      <c r="C293" s="11" t="s">
        <v>701</v>
      </c>
      <c r="D293" s="11" t="s">
        <v>947</v>
      </c>
      <c r="E293" s="34">
        <v>42430</v>
      </c>
      <c r="F293" s="11" t="s">
        <v>948</v>
      </c>
      <c r="G293" s="10" t="s">
        <v>1470</v>
      </c>
    </row>
    <row r="294" spans="1:7" ht="60" customHeight="1">
      <c r="A294" s="11" t="s">
        <v>949</v>
      </c>
      <c r="B294" s="11" t="s">
        <v>950</v>
      </c>
      <c r="C294" s="11" t="s">
        <v>701</v>
      </c>
      <c r="D294" s="11" t="s">
        <v>951</v>
      </c>
      <c r="E294" s="34">
        <v>42430</v>
      </c>
      <c r="F294" s="11" t="s">
        <v>952</v>
      </c>
      <c r="G294" s="10" t="s">
        <v>1459</v>
      </c>
    </row>
    <row r="295" spans="1:7" ht="60" customHeight="1">
      <c r="A295" s="11" t="s">
        <v>953</v>
      </c>
      <c r="B295" s="11" t="s">
        <v>954</v>
      </c>
      <c r="C295" s="11" t="s">
        <v>701</v>
      </c>
      <c r="D295" s="11" t="s">
        <v>955</v>
      </c>
      <c r="E295" s="34">
        <v>42430</v>
      </c>
      <c r="F295" s="11" t="s">
        <v>956</v>
      </c>
      <c r="G295" s="10" t="s">
        <v>1471</v>
      </c>
    </row>
    <row r="296" spans="1:7" ht="60" customHeight="1">
      <c r="A296" s="11" t="s">
        <v>957</v>
      </c>
      <c r="B296" s="11" t="s">
        <v>958</v>
      </c>
      <c r="C296" s="11" t="s">
        <v>701</v>
      </c>
      <c r="D296" s="11" t="s">
        <v>959</v>
      </c>
      <c r="E296" s="34">
        <v>42430</v>
      </c>
      <c r="F296" s="54" t="s">
        <v>948</v>
      </c>
      <c r="G296" s="10" t="s">
        <v>1472</v>
      </c>
    </row>
    <row r="297" spans="1:7" ht="60" customHeight="1">
      <c r="A297" s="11" t="s">
        <v>960</v>
      </c>
      <c r="B297" s="11" t="s">
        <v>961</v>
      </c>
      <c r="C297" s="11" t="s">
        <v>701</v>
      </c>
      <c r="D297" s="11" t="s">
        <v>962</v>
      </c>
      <c r="E297" s="34">
        <v>42430</v>
      </c>
      <c r="F297" s="11" t="s">
        <v>963</v>
      </c>
      <c r="G297" s="10" t="s">
        <v>1473</v>
      </c>
    </row>
    <row r="298" spans="1:7" ht="60" customHeight="1">
      <c r="A298" s="11" t="s">
        <v>964</v>
      </c>
      <c r="B298" s="11" t="s">
        <v>965</v>
      </c>
      <c r="C298" s="11" t="s">
        <v>701</v>
      </c>
      <c r="D298" s="11" t="s">
        <v>966</v>
      </c>
      <c r="E298" s="34">
        <v>42430</v>
      </c>
      <c r="F298" s="11" t="s">
        <v>963</v>
      </c>
      <c r="G298" s="10" t="s">
        <v>1474</v>
      </c>
    </row>
    <row r="299" spans="1:7" ht="60" customHeight="1">
      <c r="A299" s="11" t="s">
        <v>967</v>
      </c>
      <c r="B299" s="11" t="s">
        <v>968</v>
      </c>
      <c r="C299" s="11" t="s">
        <v>701</v>
      </c>
      <c r="D299" s="11" t="s">
        <v>969</v>
      </c>
      <c r="E299" s="34">
        <v>42430</v>
      </c>
      <c r="F299" s="8" t="s">
        <v>936</v>
      </c>
      <c r="G299" s="10" t="s">
        <v>1475</v>
      </c>
    </row>
    <row r="300" spans="1:7" ht="60" customHeight="1">
      <c r="A300" s="11" t="s">
        <v>970</v>
      </c>
      <c r="B300" s="11" t="s">
        <v>971</v>
      </c>
      <c r="C300" s="11" t="s">
        <v>701</v>
      </c>
      <c r="D300" s="11" t="s">
        <v>969</v>
      </c>
      <c r="E300" s="34">
        <v>42430</v>
      </c>
      <c r="F300" s="8" t="s">
        <v>936</v>
      </c>
      <c r="G300" s="10" t="s">
        <v>1476</v>
      </c>
    </row>
    <row r="301" spans="1:7" ht="60" customHeight="1">
      <c r="A301" s="11" t="s">
        <v>972</v>
      </c>
      <c r="B301" s="11" t="s">
        <v>973</v>
      </c>
      <c r="C301" s="11" t="s">
        <v>701</v>
      </c>
      <c r="D301" s="11" t="s">
        <v>969</v>
      </c>
      <c r="E301" s="34">
        <v>42430</v>
      </c>
      <c r="F301" s="8" t="s">
        <v>936</v>
      </c>
      <c r="G301" s="10" t="s">
        <v>1477</v>
      </c>
    </row>
    <row r="302" spans="1:7" ht="60" customHeight="1">
      <c r="A302" s="11" t="s">
        <v>974</v>
      </c>
      <c r="B302" s="11" t="s">
        <v>975</v>
      </c>
      <c r="C302" s="11" t="s">
        <v>701</v>
      </c>
      <c r="D302" s="11" t="s">
        <v>976</v>
      </c>
      <c r="E302" s="34">
        <v>42430</v>
      </c>
      <c r="F302" s="8" t="s">
        <v>963</v>
      </c>
      <c r="G302" s="10" t="s">
        <v>1478</v>
      </c>
    </row>
    <row r="303" spans="1:7" ht="60" customHeight="1">
      <c r="A303" s="8" t="s">
        <v>977</v>
      </c>
      <c r="B303" s="11" t="s">
        <v>978</v>
      </c>
      <c r="C303" s="11" t="s">
        <v>701</v>
      </c>
      <c r="D303" s="11" t="s">
        <v>979</v>
      </c>
      <c r="E303" s="34">
        <v>42461</v>
      </c>
      <c r="F303" s="11" t="s">
        <v>980</v>
      </c>
      <c r="G303" s="10" t="s">
        <v>1461</v>
      </c>
    </row>
    <row r="304" spans="1:7" ht="60" customHeight="1">
      <c r="A304" s="11" t="s">
        <v>981</v>
      </c>
      <c r="B304" s="11" t="s">
        <v>982</v>
      </c>
      <c r="C304" s="11" t="s">
        <v>701</v>
      </c>
      <c r="D304" s="11" t="s">
        <v>983</v>
      </c>
      <c r="E304" s="34">
        <v>42461</v>
      </c>
      <c r="F304" s="11"/>
      <c r="G304" s="10" t="s">
        <v>1479</v>
      </c>
    </row>
    <row r="305" spans="1:8" ht="39.950000000000003" customHeight="1">
      <c r="A305" s="42" t="s">
        <v>1249</v>
      </c>
      <c r="B305" s="43"/>
      <c r="C305" s="43"/>
      <c r="D305" s="43"/>
      <c r="E305" s="43"/>
      <c r="F305" s="43"/>
      <c r="G305" s="55"/>
    </row>
    <row r="306" spans="1:8" ht="60" customHeight="1">
      <c r="A306" s="8" t="s">
        <v>62</v>
      </c>
      <c r="B306" s="8" t="s">
        <v>63</v>
      </c>
      <c r="C306" s="8" t="s">
        <v>37</v>
      </c>
      <c r="D306" s="8" t="s">
        <v>64</v>
      </c>
      <c r="E306" s="15">
        <v>41821</v>
      </c>
      <c r="F306" s="8" t="s">
        <v>65</v>
      </c>
      <c r="G306" s="10" t="s">
        <v>66</v>
      </c>
      <c r="H306" s="3"/>
    </row>
    <row r="307" spans="1:8" ht="60" customHeight="1">
      <c r="A307" s="8" t="s">
        <v>67</v>
      </c>
      <c r="B307" s="8" t="s">
        <v>1304</v>
      </c>
      <c r="C307" s="8" t="s">
        <v>37</v>
      </c>
      <c r="D307" s="8" t="s">
        <v>64</v>
      </c>
      <c r="E307" s="15">
        <v>41821</v>
      </c>
      <c r="F307" s="8" t="s">
        <v>65</v>
      </c>
      <c r="G307" s="10" t="s">
        <v>68</v>
      </c>
      <c r="H307" s="3"/>
    </row>
    <row r="308" spans="1:8" ht="60" customHeight="1">
      <c r="A308" s="8" t="s">
        <v>69</v>
      </c>
      <c r="B308" s="8" t="s">
        <v>70</v>
      </c>
      <c r="C308" s="8" t="s">
        <v>37</v>
      </c>
      <c r="D308" s="8" t="s">
        <v>1268</v>
      </c>
      <c r="E308" s="48">
        <v>41822</v>
      </c>
      <c r="F308" s="8" t="s">
        <v>65</v>
      </c>
      <c r="G308" s="10" t="s">
        <v>71</v>
      </c>
      <c r="H308" s="3"/>
    </row>
    <row r="309" spans="1:8" ht="60" customHeight="1">
      <c r="A309" s="8" t="s">
        <v>72</v>
      </c>
      <c r="B309" s="8" t="s">
        <v>73</v>
      </c>
      <c r="C309" s="8" t="s">
        <v>37</v>
      </c>
      <c r="D309" s="8" t="s">
        <v>1269</v>
      </c>
      <c r="E309" s="48">
        <v>41824</v>
      </c>
      <c r="F309" s="8" t="s">
        <v>74</v>
      </c>
      <c r="G309" s="10" t="s">
        <v>75</v>
      </c>
      <c r="H309" s="3"/>
    </row>
    <row r="310" spans="1:8" ht="60" customHeight="1">
      <c r="A310" s="8" t="s">
        <v>76</v>
      </c>
      <c r="B310" s="8" t="s">
        <v>1405</v>
      </c>
      <c r="C310" s="8" t="s">
        <v>37</v>
      </c>
      <c r="D310" s="8" t="s">
        <v>77</v>
      </c>
      <c r="E310" s="15">
        <v>41883</v>
      </c>
      <c r="F310" s="8" t="s">
        <v>65</v>
      </c>
      <c r="G310" s="21" t="s">
        <v>1404</v>
      </c>
      <c r="H310" s="3"/>
    </row>
    <row r="311" spans="1:8" ht="60" customHeight="1">
      <c r="A311" s="8" t="s">
        <v>78</v>
      </c>
      <c r="B311" s="8" t="s">
        <v>1405</v>
      </c>
      <c r="C311" s="8" t="s">
        <v>37</v>
      </c>
      <c r="D311" s="8" t="s">
        <v>79</v>
      </c>
      <c r="E311" s="15">
        <v>41821</v>
      </c>
      <c r="F311" s="8" t="s">
        <v>65</v>
      </c>
      <c r="G311" s="21" t="s">
        <v>68</v>
      </c>
      <c r="H311" s="3"/>
    </row>
    <row r="312" spans="1:8" ht="60" customHeight="1">
      <c r="A312" s="24" t="s">
        <v>587</v>
      </c>
      <c r="B312" s="8" t="s">
        <v>1511</v>
      </c>
      <c r="C312" s="8" t="s">
        <v>393</v>
      </c>
      <c r="D312" s="24" t="s">
        <v>588</v>
      </c>
      <c r="E312" s="29">
        <v>41944</v>
      </c>
      <c r="F312" s="24" t="s">
        <v>589</v>
      </c>
      <c r="G312" s="26" t="s">
        <v>1430</v>
      </c>
      <c r="H312" s="3"/>
    </row>
    <row r="313" spans="1:8" ht="60" customHeight="1">
      <c r="A313" s="24" t="s">
        <v>590</v>
      </c>
      <c r="B313" s="8" t="s">
        <v>1511</v>
      </c>
      <c r="C313" s="8" t="s">
        <v>393</v>
      </c>
      <c r="D313" s="24" t="s">
        <v>591</v>
      </c>
      <c r="E313" s="29">
        <v>41944</v>
      </c>
      <c r="F313" s="24" t="s">
        <v>592</v>
      </c>
      <c r="G313" s="26" t="s">
        <v>1430</v>
      </c>
      <c r="H313" s="3"/>
    </row>
    <row r="314" spans="1:8" ht="60" customHeight="1">
      <c r="A314" s="24" t="s">
        <v>593</v>
      </c>
      <c r="B314" s="8" t="s">
        <v>1511</v>
      </c>
      <c r="C314" s="8" t="s">
        <v>393</v>
      </c>
      <c r="D314" s="24" t="s">
        <v>594</v>
      </c>
      <c r="E314" s="29">
        <v>42036</v>
      </c>
      <c r="F314" s="24" t="s">
        <v>595</v>
      </c>
      <c r="G314" s="26" t="s">
        <v>1430</v>
      </c>
      <c r="H314" s="3"/>
    </row>
    <row r="315" spans="1:8" ht="60" customHeight="1">
      <c r="A315" s="24" t="s">
        <v>596</v>
      </c>
      <c r="B315" s="8" t="s">
        <v>1511</v>
      </c>
      <c r="C315" s="8" t="s">
        <v>393</v>
      </c>
      <c r="D315" s="24" t="s">
        <v>597</v>
      </c>
      <c r="E315" s="24" t="s">
        <v>598</v>
      </c>
      <c r="F315" s="24" t="s">
        <v>599</v>
      </c>
      <c r="G315" s="26" t="s">
        <v>1430</v>
      </c>
      <c r="H315" s="3"/>
    </row>
    <row r="316" spans="1:8" ht="60" customHeight="1">
      <c r="A316" s="24" t="s">
        <v>600</v>
      </c>
      <c r="B316" s="8" t="s">
        <v>1511</v>
      </c>
      <c r="C316" s="8" t="s">
        <v>393</v>
      </c>
      <c r="D316" s="24" t="s">
        <v>601</v>
      </c>
      <c r="E316" s="24" t="s">
        <v>602</v>
      </c>
      <c r="F316" s="24" t="s">
        <v>599</v>
      </c>
      <c r="G316" s="26" t="s">
        <v>1430</v>
      </c>
      <c r="H316" s="3"/>
    </row>
    <row r="317" spans="1:8" ht="60" customHeight="1">
      <c r="A317" s="24" t="s">
        <v>603</v>
      </c>
      <c r="B317" s="8" t="s">
        <v>1511</v>
      </c>
      <c r="C317" s="8" t="s">
        <v>393</v>
      </c>
      <c r="D317" s="24" t="s">
        <v>604</v>
      </c>
      <c r="E317" s="24" t="s">
        <v>605</v>
      </c>
      <c r="F317" s="24" t="s">
        <v>606</v>
      </c>
      <c r="G317" s="26" t="s">
        <v>1430</v>
      </c>
      <c r="H317" s="3"/>
    </row>
    <row r="318" spans="1:8" ht="60" customHeight="1">
      <c r="A318" s="24" t="s">
        <v>607</v>
      </c>
      <c r="B318" s="8" t="s">
        <v>1511</v>
      </c>
      <c r="C318" s="8" t="s">
        <v>393</v>
      </c>
      <c r="D318" s="24" t="s">
        <v>601</v>
      </c>
      <c r="E318" s="24" t="s">
        <v>602</v>
      </c>
      <c r="F318" s="24" t="s">
        <v>599</v>
      </c>
      <c r="G318" s="26" t="s">
        <v>1430</v>
      </c>
      <c r="H318" s="3"/>
    </row>
    <row r="319" spans="1:8" ht="60" customHeight="1">
      <c r="A319" s="24" t="s">
        <v>608</v>
      </c>
      <c r="B319" s="8" t="s">
        <v>1511</v>
      </c>
      <c r="C319" s="8" t="s">
        <v>393</v>
      </c>
      <c r="D319" s="24" t="s">
        <v>1297</v>
      </c>
      <c r="E319" s="29">
        <v>42095</v>
      </c>
      <c r="F319" s="24" t="s">
        <v>1298</v>
      </c>
      <c r="G319" s="26" t="s">
        <v>1430</v>
      </c>
      <c r="H319" s="3"/>
    </row>
    <row r="320" spans="1:8" ht="60" customHeight="1">
      <c r="A320" s="8" t="s">
        <v>609</v>
      </c>
      <c r="B320" s="8" t="s">
        <v>610</v>
      </c>
      <c r="C320" s="8" t="s">
        <v>393</v>
      </c>
      <c r="D320" s="8" t="s">
        <v>611</v>
      </c>
      <c r="E320" s="15">
        <v>42095</v>
      </c>
      <c r="F320" s="24"/>
      <c r="G320" s="10" t="s">
        <v>1491</v>
      </c>
      <c r="H320" s="3"/>
    </row>
    <row r="321" spans="1:8" ht="60" customHeight="1">
      <c r="A321" s="24" t="s">
        <v>612</v>
      </c>
      <c r="B321" s="8" t="s">
        <v>1512</v>
      </c>
      <c r="C321" s="8" t="s">
        <v>393</v>
      </c>
      <c r="D321" s="24" t="s">
        <v>613</v>
      </c>
      <c r="E321" s="29">
        <v>42125</v>
      </c>
      <c r="F321" s="24" t="s">
        <v>614</v>
      </c>
      <c r="G321" s="28" t="s">
        <v>1431</v>
      </c>
      <c r="H321" s="3"/>
    </row>
    <row r="322" spans="1:8" ht="60" customHeight="1">
      <c r="A322" s="24" t="s">
        <v>587</v>
      </c>
      <c r="B322" s="24" t="s">
        <v>615</v>
      </c>
      <c r="C322" s="8" t="s">
        <v>393</v>
      </c>
      <c r="D322" s="24" t="s">
        <v>616</v>
      </c>
      <c r="E322" s="29">
        <v>41944</v>
      </c>
      <c r="F322" s="24" t="s">
        <v>589</v>
      </c>
      <c r="G322" s="10" t="s">
        <v>1341</v>
      </c>
      <c r="H322" s="3"/>
    </row>
    <row r="323" spans="1:8" ht="60" customHeight="1">
      <c r="A323" s="24" t="s">
        <v>590</v>
      </c>
      <c r="B323" s="24" t="s">
        <v>615</v>
      </c>
      <c r="C323" s="8" t="s">
        <v>393</v>
      </c>
      <c r="D323" s="24" t="s">
        <v>617</v>
      </c>
      <c r="E323" s="29">
        <v>41944</v>
      </c>
      <c r="F323" s="24" t="s">
        <v>595</v>
      </c>
      <c r="G323" s="10" t="s">
        <v>1341</v>
      </c>
      <c r="H323" s="3"/>
    </row>
    <row r="324" spans="1:8" ht="60" customHeight="1">
      <c r="A324" s="24" t="s">
        <v>618</v>
      </c>
      <c r="B324" s="24" t="s">
        <v>615</v>
      </c>
      <c r="C324" s="8" t="s">
        <v>393</v>
      </c>
      <c r="D324" s="24" t="s">
        <v>619</v>
      </c>
      <c r="E324" s="29">
        <v>42125</v>
      </c>
      <c r="F324" s="24" t="s">
        <v>620</v>
      </c>
      <c r="G324" s="10" t="s">
        <v>1341</v>
      </c>
      <c r="H324" s="3"/>
    </row>
    <row r="325" spans="1:8" ht="60" customHeight="1">
      <c r="A325" s="24" t="s">
        <v>621</v>
      </c>
      <c r="B325" s="8" t="s">
        <v>1513</v>
      </c>
      <c r="C325" s="8" t="s">
        <v>393</v>
      </c>
      <c r="D325" s="24" t="s">
        <v>622</v>
      </c>
      <c r="E325" s="29">
        <v>41821</v>
      </c>
      <c r="F325" s="24" t="s">
        <v>623</v>
      </c>
      <c r="G325" s="10" t="s">
        <v>1407</v>
      </c>
      <c r="H325" s="3"/>
    </row>
    <row r="326" spans="1:8" ht="60" customHeight="1">
      <c r="A326" s="24" t="s">
        <v>621</v>
      </c>
      <c r="B326" s="8" t="s">
        <v>1514</v>
      </c>
      <c r="C326" s="8" t="s">
        <v>393</v>
      </c>
      <c r="D326" s="24" t="s">
        <v>622</v>
      </c>
      <c r="E326" s="29">
        <v>41821</v>
      </c>
      <c r="F326" s="24" t="s">
        <v>623</v>
      </c>
      <c r="G326" s="28" t="s">
        <v>1432</v>
      </c>
      <c r="H326" s="3"/>
    </row>
    <row r="327" spans="1:8" ht="60" customHeight="1">
      <c r="A327" s="24" t="s">
        <v>618</v>
      </c>
      <c r="B327" s="8" t="s">
        <v>1514</v>
      </c>
      <c r="C327" s="8" t="s">
        <v>393</v>
      </c>
      <c r="D327" s="24" t="s">
        <v>624</v>
      </c>
      <c r="E327" s="29">
        <v>42125</v>
      </c>
      <c r="F327" s="24" t="s">
        <v>620</v>
      </c>
      <c r="G327" s="28" t="s">
        <v>1432</v>
      </c>
      <c r="H327" s="3"/>
    </row>
    <row r="328" spans="1:8" ht="60" customHeight="1">
      <c r="A328" s="24" t="s">
        <v>625</v>
      </c>
      <c r="B328" s="8" t="s">
        <v>1515</v>
      </c>
      <c r="C328" s="8" t="s">
        <v>393</v>
      </c>
      <c r="D328" s="24" t="s">
        <v>626</v>
      </c>
      <c r="E328" s="29">
        <v>42036</v>
      </c>
      <c r="F328" s="24" t="s">
        <v>620</v>
      </c>
      <c r="G328" s="10" t="s">
        <v>1408</v>
      </c>
      <c r="H328" s="3"/>
    </row>
    <row r="329" spans="1:8" ht="60" customHeight="1">
      <c r="A329" s="8" t="s">
        <v>627</v>
      </c>
      <c r="B329" s="8" t="s">
        <v>1515</v>
      </c>
      <c r="C329" s="8" t="s">
        <v>393</v>
      </c>
      <c r="D329" s="8" t="s">
        <v>628</v>
      </c>
      <c r="E329" s="48">
        <v>42098</v>
      </c>
      <c r="F329" s="24"/>
      <c r="G329" s="10" t="s">
        <v>1408</v>
      </c>
      <c r="H329" s="3"/>
    </row>
    <row r="330" spans="1:8" ht="60" customHeight="1">
      <c r="A330" s="11" t="s">
        <v>629</v>
      </c>
      <c r="B330" s="11" t="s">
        <v>1299</v>
      </c>
      <c r="C330" s="11" t="s">
        <v>393</v>
      </c>
      <c r="D330" s="8" t="s">
        <v>630</v>
      </c>
      <c r="E330" s="8" t="s">
        <v>631</v>
      </c>
      <c r="F330" s="24"/>
      <c r="G330" s="46"/>
      <c r="H330" s="3"/>
    </row>
    <row r="331" spans="1:8" ht="60" customHeight="1">
      <c r="A331" s="24" t="s">
        <v>632</v>
      </c>
      <c r="B331" s="8" t="s">
        <v>633</v>
      </c>
      <c r="C331" s="8" t="s">
        <v>393</v>
      </c>
      <c r="D331" s="24" t="s">
        <v>634</v>
      </c>
      <c r="E331" s="24" t="s">
        <v>635</v>
      </c>
      <c r="F331" s="24" t="s">
        <v>636</v>
      </c>
      <c r="G331" s="46"/>
      <c r="H331" s="3"/>
    </row>
    <row r="332" spans="1:8" ht="60" customHeight="1">
      <c r="A332" s="8" t="s">
        <v>639</v>
      </c>
      <c r="B332" s="8" t="s">
        <v>633</v>
      </c>
      <c r="C332" s="8" t="s">
        <v>393</v>
      </c>
      <c r="D332" s="8" t="s">
        <v>637</v>
      </c>
      <c r="E332" s="8" t="s">
        <v>1516</v>
      </c>
      <c r="F332" s="24"/>
      <c r="G332" s="46"/>
      <c r="H332" s="3"/>
    </row>
    <row r="333" spans="1:8" ht="60" customHeight="1">
      <c r="A333" s="8" t="s">
        <v>638</v>
      </c>
      <c r="B333" s="8" t="s">
        <v>633</v>
      </c>
      <c r="C333" s="8" t="s">
        <v>393</v>
      </c>
      <c r="D333" s="8" t="s">
        <v>637</v>
      </c>
      <c r="E333" s="8" t="s">
        <v>1517</v>
      </c>
      <c r="F333" s="24"/>
      <c r="G333" s="46"/>
      <c r="H333" s="3"/>
    </row>
    <row r="334" spans="1:8" ht="60" customHeight="1">
      <c r="A334" s="8" t="s">
        <v>639</v>
      </c>
      <c r="B334" s="8" t="s">
        <v>640</v>
      </c>
      <c r="C334" s="8" t="s">
        <v>393</v>
      </c>
      <c r="D334" s="8" t="s">
        <v>637</v>
      </c>
      <c r="E334" s="8" t="s">
        <v>1516</v>
      </c>
      <c r="F334" s="24"/>
      <c r="G334" s="46"/>
      <c r="H334" s="3"/>
    </row>
    <row r="335" spans="1:8" ht="60" customHeight="1">
      <c r="A335" s="8" t="s">
        <v>638</v>
      </c>
      <c r="B335" s="8" t="s">
        <v>640</v>
      </c>
      <c r="C335" s="8" t="s">
        <v>393</v>
      </c>
      <c r="D335" s="8" t="s">
        <v>637</v>
      </c>
      <c r="E335" s="8" t="s">
        <v>1517</v>
      </c>
      <c r="F335" s="24"/>
      <c r="G335" s="46"/>
      <c r="H335" s="3"/>
    </row>
    <row r="336" spans="1:8" ht="60" customHeight="1">
      <c r="A336" s="8" t="s">
        <v>639</v>
      </c>
      <c r="B336" s="8" t="s">
        <v>641</v>
      </c>
      <c r="C336" s="8" t="s">
        <v>393</v>
      </c>
      <c r="D336" s="8" t="s">
        <v>637</v>
      </c>
      <c r="E336" s="8" t="s">
        <v>1516</v>
      </c>
      <c r="F336" s="24"/>
      <c r="G336" s="46"/>
      <c r="H336" s="3"/>
    </row>
    <row r="337" spans="1:8" ht="60" customHeight="1">
      <c r="A337" s="8" t="s">
        <v>638</v>
      </c>
      <c r="B337" s="8" t="s">
        <v>641</v>
      </c>
      <c r="C337" s="8" t="s">
        <v>393</v>
      </c>
      <c r="D337" s="8" t="s">
        <v>637</v>
      </c>
      <c r="E337" s="8" t="s">
        <v>1517</v>
      </c>
      <c r="F337" s="24"/>
      <c r="G337" s="46"/>
      <c r="H337" s="3"/>
    </row>
    <row r="338" spans="1:8" ht="60" customHeight="1">
      <c r="A338" s="24" t="s">
        <v>590</v>
      </c>
      <c r="B338" s="8" t="s">
        <v>1518</v>
      </c>
      <c r="C338" s="8" t="s">
        <v>393</v>
      </c>
      <c r="D338" s="24" t="s">
        <v>642</v>
      </c>
      <c r="E338" s="29">
        <v>41944</v>
      </c>
      <c r="F338" s="24" t="s">
        <v>595</v>
      </c>
      <c r="G338" s="46"/>
      <c r="H338" s="3"/>
    </row>
    <row r="339" spans="1:8" ht="60" customHeight="1">
      <c r="A339" s="16" t="s">
        <v>1234</v>
      </c>
      <c r="B339" s="8" t="s">
        <v>1225</v>
      </c>
      <c r="C339" s="8" t="s">
        <v>1087</v>
      </c>
      <c r="D339" s="11" t="s">
        <v>1228</v>
      </c>
      <c r="E339" s="51">
        <v>42129</v>
      </c>
      <c r="F339" s="8" t="s">
        <v>1235</v>
      </c>
      <c r="G339" s="10" t="s">
        <v>1418</v>
      </c>
      <c r="H339" s="3"/>
    </row>
    <row r="340" spans="1:8" ht="60" customHeight="1">
      <c r="A340" s="16" t="s">
        <v>1236</v>
      </c>
      <c r="B340" s="8" t="s">
        <v>1225</v>
      </c>
      <c r="C340" s="8" t="s">
        <v>1087</v>
      </c>
      <c r="D340" s="11" t="s">
        <v>208</v>
      </c>
      <c r="E340" s="30">
        <v>42095</v>
      </c>
      <c r="F340" s="11" t="s">
        <v>209</v>
      </c>
      <c r="G340" s="10" t="s">
        <v>1420</v>
      </c>
      <c r="H340" s="3"/>
    </row>
    <row r="341" spans="1:8" ht="60" customHeight="1">
      <c r="A341" s="16" t="s">
        <v>1237</v>
      </c>
      <c r="B341" s="8" t="s">
        <v>1225</v>
      </c>
      <c r="C341" s="8" t="s">
        <v>1087</v>
      </c>
      <c r="D341" s="8" t="s">
        <v>325</v>
      </c>
      <c r="E341" s="15">
        <v>42125</v>
      </c>
      <c r="F341" s="8" t="s">
        <v>1238</v>
      </c>
      <c r="G341" s="10" t="s">
        <v>1419</v>
      </c>
      <c r="H341" s="3"/>
    </row>
    <row r="342" spans="1:8" ht="60" customHeight="1">
      <c r="A342" s="16" t="s">
        <v>1239</v>
      </c>
      <c r="B342" s="8" t="s">
        <v>1225</v>
      </c>
      <c r="C342" s="8" t="s">
        <v>1087</v>
      </c>
      <c r="D342" s="8" t="s">
        <v>1240</v>
      </c>
      <c r="E342" s="15">
        <v>42005</v>
      </c>
      <c r="F342" s="8" t="s">
        <v>1241</v>
      </c>
      <c r="G342" s="10" t="s">
        <v>1421</v>
      </c>
      <c r="H342" s="3"/>
    </row>
    <row r="343" spans="1:8" ht="60" customHeight="1">
      <c r="A343" s="16" t="s">
        <v>1242</v>
      </c>
      <c r="B343" s="8" t="s">
        <v>1243</v>
      </c>
      <c r="C343" s="8" t="s">
        <v>1087</v>
      </c>
      <c r="D343" s="11" t="s">
        <v>1244</v>
      </c>
      <c r="E343" s="11" t="s">
        <v>1245</v>
      </c>
      <c r="F343" s="8" t="s">
        <v>1246</v>
      </c>
      <c r="G343" s="10" t="s">
        <v>1436</v>
      </c>
      <c r="H343" s="3"/>
    </row>
    <row r="344" spans="1:8" ht="60" customHeight="1">
      <c r="A344" s="16" t="s">
        <v>1234</v>
      </c>
      <c r="B344" s="8" t="s">
        <v>1243</v>
      </c>
      <c r="C344" s="8" t="s">
        <v>1087</v>
      </c>
      <c r="D344" s="11" t="s">
        <v>1228</v>
      </c>
      <c r="E344" s="30">
        <v>42125</v>
      </c>
      <c r="F344" s="8" t="s">
        <v>1247</v>
      </c>
      <c r="G344" s="10" t="s">
        <v>1418</v>
      </c>
      <c r="H344" s="3"/>
    </row>
    <row r="345" spans="1:8" ht="60" customHeight="1">
      <c r="A345" s="11" t="s">
        <v>1125</v>
      </c>
      <c r="B345" s="11" t="s">
        <v>1121</v>
      </c>
      <c r="C345" s="8" t="s">
        <v>1087</v>
      </c>
      <c r="D345" s="11" t="s">
        <v>1126</v>
      </c>
      <c r="E345" s="30">
        <v>42005</v>
      </c>
      <c r="F345" s="11" t="s">
        <v>1127</v>
      </c>
      <c r="G345" s="26" t="s">
        <v>1424</v>
      </c>
      <c r="H345" s="3"/>
    </row>
    <row r="346" spans="1:8" ht="60" customHeight="1">
      <c r="A346" s="16" t="s">
        <v>1236</v>
      </c>
      <c r="B346" s="8" t="s">
        <v>1243</v>
      </c>
      <c r="C346" s="8" t="s">
        <v>1087</v>
      </c>
      <c r="D346" s="11" t="s">
        <v>208</v>
      </c>
      <c r="E346" s="30">
        <v>42095</v>
      </c>
      <c r="F346" s="11" t="s">
        <v>209</v>
      </c>
      <c r="G346" s="10" t="s">
        <v>1420</v>
      </c>
      <c r="H346" s="3"/>
    </row>
    <row r="347" spans="1:8" ht="60" customHeight="1">
      <c r="A347" s="16" t="s">
        <v>1248</v>
      </c>
      <c r="B347" s="8" t="s">
        <v>1243</v>
      </c>
      <c r="C347" s="8" t="s">
        <v>1087</v>
      </c>
      <c r="D347" s="11" t="s">
        <v>1240</v>
      </c>
      <c r="E347" s="51">
        <v>42005</v>
      </c>
      <c r="F347" s="8" t="s">
        <v>1241</v>
      </c>
      <c r="G347" s="56" t="s">
        <v>1335</v>
      </c>
      <c r="H347" s="3"/>
    </row>
    <row r="348" spans="1:8" ht="60" customHeight="1">
      <c r="A348" s="8" t="s">
        <v>1157</v>
      </c>
      <c r="B348" s="8" t="s">
        <v>1147</v>
      </c>
      <c r="C348" s="8" t="s">
        <v>1087</v>
      </c>
      <c r="D348" s="8" t="s">
        <v>1158</v>
      </c>
      <c r="E348" s="15">
        <v>42064</v>
      </c>
      <c r="F348" s="8" t="s">
        <v>1159</v>
      </c>
      <c r="G348" s="10" t="s">
        <v>1160</v>
      </c>
      <c r="H348" s="3"/>
    </row>
    <row r="349" spans="1:8" ht="60" customHeight="1">
      <c r="A349" s="8" t="s">
        <v>1161</v>
      </c>
      <c r="B349" s="8" t="s">
        <v>1147</v>
      </c>
      <c r="C349" s="8" t="s">
        <v>1087</v>
      </c>
      <c r="D349" s="8" t="s">
        <v>1162</v>
      </c>
      <c r="E349" s="8" t="s">
        <v>1163</v>
      </c>
      <c r="F349" s="8" t="s">
        <v>1164</v>
      </c>
      <c r="G349" s="10" t="s">
        <v>1334</v>
      </c>
      <c r="H349" s="3"/>
    </row>
    <row r="350" spans="1:8" ht="60" customHeight="1">
      <c r="A350" s="8" t="s">
        <v>1165</v>
      </c>
      <c r="B350" s="8" t="s">
        <v>1147</v>
      </c>
      <c r="C350" s="8" t="s">
        <v>1087</v>
      </c>
      <c r="D350" s="8" t="s">
        <v>1139</v>
      </c>
      <c r="E350" s="15">
        <v>42064</v>
      </c>
      <c r="F350" s="8" t="s">
        <v>1166</v>
      </c>
      <c r="G350" s="10" t="s">
        <v>1333</v>
      </c>
      <c r="H350" s="3"/>
    </row>
    <row r="351" spans="1:8" ht="60" customHeight="1">
      <c r="A351" s="8" t="s">
        <v>1167</v>
      </c>
      <c r="B351" s="8" t="s">
        <v>1147</v>
      </c>
      <c r="C351" s="8" t="s">
        <v>1087</v>
      </c>
      <c r="D351" s="8" t="s">
        <v>1162</v>
      </c>
      <c r="E351" s="8" t="s">
        <v>1163</v>
      </c>
      <c r="F351" s="8" t="s">
        <v>1168</v>
      </c>
      <c r="G351" s="10" t="s">
        <v>1332</v>
      </c>
      <c r="H351" s="3"/>
    </row>
    <row r="352" spans="1:8" ht="60" customHeight="1">
      <c r="A352" s="8" t="s">
        <v>1169</v>
      </c>
      <c r="B352" s="8" t="s">
        <v>1147</v>
      </c>
      <c r="C352" s="8" t="s">
        <v>1087</v>
      </c>
      <c r="D352" s="8" t="s">
        <v>1095</v>
      </c>
      <c r="E352" s="15">
        <v>42036</v>
      </c>
      <c r="F352" s="8" t="s">
        <v>1170</v>
      </c>
      <c r="G352" s="10" t="s">
        <v>1331</v>
      </c>
      <c r="H352" s="3"/>
    </row>
    <row r="353" spans="1:8" ht="60" customHeight="1">
      <c r="A353" s="8" t="s">
        <v>1171</v>
      </c>
      <c r="B353" s="8" t="s">
        <v>1147</v>
      </c>
      <c r="C353" s="8" t="s">
        <v>1087</v>
      </c>
      <c r="D353" s="8" t="s">
        <v>370</v>
      </c>
      <c r="E353" s="48">
        <v>42066</v>
      </c>
      <c r="F353" s="8" t="s">
        <v>1172</v>
      </c>
      <c r="G353" s="10" t="s">
        <v>1330</v>
      </c>
      <c r="H353" s="3"/>
    </row>
    <row r="354" spans="1:8" ht="60" customHeight="1">
      <c r="A354" s="8" t="s">
        <v>1202</v>
      </c>
      <c r="B354" s="8" t="s">
        <v>1195</v>
      </c>
      <c r="C354" s="8" t="s">
        <v>1087</v>
      </c>
      <c r="D354" s="8" t="s">
        <v>1203</v>
      </c>
      <c r="E354" s="15">
        <v>42095</v>
      </c>
      <c r="F354" s="8" t="s">
        <v>209</v>
      </c>
      <c r="G354" s="10" t="s">
        <v>1329</v>
      </c>
      <c r="H354" s="3"/>
    </row>
    <row r="355" spans="1:8" ht="60" customHeight="1">
      <c r="A355" s="11" t="s">
        <v>1101</v>
      </c>
      <c r="B355" s="8" t="s">
        <v>1086</v>
      </c>
      <c r="C355" s="8" t="s">
        <v>1087</v>
      </c>
      <c r="D355" s="11" t="s">
        <v>1090</v>
      </c>
      <c r="E355" s="51">
        <v>42066</v>
      </c>
      <c r="F355" s="11" t="s">
        <v>1102</v>
      </c>
      <c r="G355" s="10" t="s">
        <v>1103</v>
      </c>
      <c r="H355" s="3"/>
    </row>
    <row r="356" spans="1:8" ht="60" customHeight="1">
      <c r="A356" s="11" t="s">
        <v>1128</v>
      </c>
      <c r="B356" s="11" t="s">
        <v>1121</v>
      </c>
      <c r="C356" s="8" t="s">
        <v>1087</v>
      </c>
      <c r="D356" s="11" t="s">
        <v>1129</v>
      </c>
      <c r="E356" s="30">
        <v>41852</v>
      </c>
      <c r="F356" s="11" t="s">
        <v>1130</v>
      </c>
      <c r="G356" s="26" t="s">
        <v>1427</v>
      </c>
      <c r="H356" s="3"/>
    </row>
    <row r="357" spans="1:8" ht="60" customHeight="1">
      <c r="A357" s="8" t="s">
        <v>1173</v>
      </c>
      <c r="B357" s="8" t="s">
        <v>1147</v>
      </c>
      <c r="C357" s="8" t="s">
        <v>1087</v>
      </c>
      <c r="D357" s="8" t="s">
        <v>1174</v>
      </c>
      <c r="E357" s="15">
        <v>41852</v>
      </c>
      <c r="F357" s="8" t="s">
        <v>1175</v>
      </c>
      <c r="G357" s="10" t="s">
        <v>1328</v>
      </c>
      <c r="H357" s="3"/>
    </row>
    <row r="358" spans="1:8" ht="60" customHeight="1">
      <c r="A358" s="8" t="s">
        <v>1138</v>
      </c>
      <c r="B358" s="8" t="s">
        <v>1136</v>
      </c>
      <c r="C358" s="8" t="s">
        <v>1087</v>
      </c>
      <c r="D358" s="8" t="s">
        <v>1139</v>
      </c>
      <c r="E358" s="15">
        <v>41944</v>
      </c>
      <c r="F358" s="11" t="s">
        <v>1140</v>
      </c>
      <c r="G358" s="57" t="s">
        <v>1429</v>
      </c>
      <c r="H358" s="3"/>
    </row>
    <row r="359" spans="1:8" ht="72.75" customHeight="1">
      <c r="A359" s="11" t="s">
        <v>766</v>
      </c>
      <c r="B359" s="11" t="s">
        <v>767</v>
      </c>
      <c r="C359" s="11" t="s">
        <v>701</v>
      </c>
      <c r="D359" s="11" t="s">
        <v>768</v>
      </c>
      <c r="E359" s="33">
        <v>41821</v>
      </c>
      <c r="F359" s="11" t="s">
        <v>769</v>
      </c>
      <c r="G359" s="10" t="s">
        <v>1383</v>
      </c>
      <c r="H359" s="3"/>
    </row>
    <row r="360" spans="1:8" ht="60" customHeight="1">
      <c r="A360" s="11" t="s">
        <v>770</v>
      </c>
      <c r="B360" s="11" t="s">
        <v>771</v>
      </c>
      <c r="C360" s="11" t="s">
        <v>701</v>
      </c>
      <c r="D360" s="11" t="s">
        <v>772</v>
      </c>
      <c r="E360" s="33">
        <v>41821</v>
      </c>
      <c r="F360" s="11" t="s">
        <v>773</v>
      </c>
      <c r="G360" s="10" t="s">
        <v>1377</v>
      </c>
      <c r="H360" s="3"/>
    </row>
    <row r="361" spans="1:8" ht="60" customHeight="1">
      <c r="A361" s="11" t="s">
        <v>774</v>
      </c>
      <c r="B361" s="11" t="s">
        <v>775</v>
      </c>
      <c r="C361" s="11" t="s">
        <v>701</v>
      </c>
      <c r="D361" s="11" t="s">
        <v>776</v>
      </c>
      <c r="E361" s="33">
        <v>41852</v>
      </c>
      <c r="F361" s="11" t="s">
        <v>758</v>
      </c>
      <c r="G361" s="10" t="s">
        <v>1384</v>
      </c>
      <c r="H361" s="3"/>
    </row>
    <row r="362" spans="1:8" ht="60" customHeight="1">
      <c r="A362" s="11" t="s">
        <v>777</v>
      </c>
      <c r="B362" s="11" t="s">
        <v>771</v>
      </c>
      <c r="C362" s="11" t="s">
        <v>701</v>
      </c>
      <c r="D362" s="11" t="s">
        <v>778</v>
      </c>
      <c r="E362" s="33">
        <v>41852</v>
      </c>
      <c r="F362" s="11" t="s">
        <v>779</v>
      </c>
      <c r="G362" s="10" t="s">
        <v>1446</v>
      </c>
      <c r="H362" s="3"/>
    </row>
    <row r="363" spans="1:8" ht="60" customHeight="1">
      <c r="A363" s="11" t="s">
        <v>780</v>
      </c>
      <c r="B363" s="11" t="s">
        <v>781</v>
      </c>
      <c r="C363" s="11" t="s">
        <v>701</v>
      </c>
      <c r="D363" s="11" t="s">
        <v>782</v>
      </c>
      <c r="E363" s="33">
        <v>41883</v>
      </c>
      <c r="F363" s="11" t="s">
        <v>783</v>
      </c>
      <c r="G363" s="10" t="s">
        <v>1385</v>
      </c>
      <c r="H363" s="3"/>
    </row>
    <row r="364" spans="1:8" ht="60" customHeight="1">
      <c r="A364" s="11" t="s">
        <v>784</v>
      </c>
      <c r="B364" s="11" t="s">
        <v>711</v>
      </c>
      <c r="C364" s="11" t="s">
        <v>701</v>
      </c>
      <c r="D364" s="11" t="s">
        <v>785</v>
      </c>
      <c r="E364" s="33">
        <v>41883</v>
      </c>
      <c r="F364" s="11" t="s">
        <v>786</v>
      </c>
      <c r="G364" s="10" t="s">
        <v>1386</v>
      </c>
      <c r="H364" s="3"/>
    </row>
    <row r="365" spans="1:8" ht="60" customHeight="1">
      <c r="A365" s="11" t="s">
        <v>787</v>
      </c>
      <c r="B365" s="11" t="s">
        <v>788</v>
      </c>
      <c r="C365" s="11" t="s">
        <v>701</v>
      </c>
      <c r="D365" s="11" t="s">
        <v>789</v>
      </c>
      <c r="E365" s="36">
        <v>41913</v>
      </c>
      <c r="F365" s="11" t="s">
        <v>765</v>
      </c>
      <c r="G365" s="10" t="s">
        <v>1387</v>
      </c>
      <c r="H365" s="3"/>
    </row>
    <row r="366" spans="1:8" ht="60" customHeight="1">
      <c r="A366" s="11" t="s">
        <v>790</v>
      </c>
      <c r="B366" s="11" t="s">
        <v>791</v>
      </c>
      <c r="C366" s="11" t="s">
        <v>701</v>
      </c>
      <c r="D366" s="11" t="s">
        <v>792</v>
      </c>
      <c r="E366" s="36">
        <v>41913</v>
      </c>
      <c r="F366" s="11" t="s">
        <v>793</v>
      </c>
      <c r="G366" s="10" t="s">
        <v>1388</v>
      </c>
      <c r="H366" s="3"/>
    </row>
    <row r="367" spans="1:8" ht="60" customHeight="1">
      <c r="A367" s="24" t="s">
        <v>794</v>
      </c>
      <c r="B367" s="11" t="s">
        <v>795</v>
      </c>
      <c r="C367" s="11" t="s">
        <v>701</v>
      </c>
      <c r="D367" s="11" t="s">
        <v>796</v>
      </c>
      <c r="E367" s="36">
        <v>41913</v>
      </c>
      <c r="F367" s="24" t="s">
        <v>797</v>
      </c>
      <c r="G367" s="58" t="s">
        <v>1389</v>
      </c>
      <c r="H367" s="3"/>
    </row>
    <row r="368" spans="1:8" ht="60" customHeight="1">
      <c r="A368" s="11" t="s">
        <v>798</v>
      </c>
      <c r="B368" s="11" t="s">
        <v>700</v>
      </c>
      <c r="C368" s="11" t="s">
        <v>701</v>
      </c>
      <c r="D368" s="11" t="s">
        <v>799</v>
      </c>
      <c r="E368" s="36">
        <v>41944</v>
      </c>
      <c r="F368" s="11" t="s">
        <v>800</v>
      </c>
      <c r="G368" s="10" t="s">
        <v>1379</v>
      </c>
      <c r="H368" s="3"/>
    </row>
    <row r="369" spans="1:8" ht="60" customHeight="1">
      <c r="A369" s="11" t="s">
        <v>801</v>
      </c>
      <c r="B369" s="11" t="s">
        <v>802</v>
      </c>
      <c r="C369" s="11" t="s">
        <v>701</v>
      </c>
      <c r="D369" s="11" t="s">
        <v>803</v>
      </c>
      <c r="E369" s="36">
        <v>41944</v>
      </c>
      <c r="F369" s="11" t="s">
        <v>732</v>
      </c>
      <c r="G369" s="10" t="s">
        <v>1354</v>
      </c>
      <c r="H369" s="3"/>
    </row>
    <row r="370" spans="1:8" ht="60" customHeight="1">
      <c r="A370" s="11" t="s">
        <v>804</v>
      </c>
      <c r="B370" s="11" t="s">
        <v>805</v>
      </c>
      <c r="C370" s="11" t="s">
        <v>701</v>
      </c>
      <c r="D370" s="11" t="s">
        <v>806</v>
      </c>
      <c r="E370" s="36">
        <v>41944</v>
      </c>
      <c r="F370" s="11" t="s">
        <v>751</v>
      </c>
      <c r="G370" s="10" t="s">
        <v>1390</v>
      </c>
      <c r="H370" s="3"/>
    </row>
    <row r="371" spans="1:8" ht="60" customHeight="1">
      <c r="A371" s="11" t="s">
        <v>807</v>
      </c>
      <c r="B371" s="11" t="s">
        <v>808</v>
      </c>
      <c r="C371" s="11" t="s">
        <v>701</v>
      </c>
      <c r="D371" s="11" t="s">
        <v>809</v>
      </c>
      <c r="E371" s="36">
        <v>41944</v>
      </c>
      <c r="F371" s="24" t="s">
        <v>810</v>
      </c>
      <c r="G371" s="10" t="s">
        <v>1452</v>
      </c>
      <c r="H371" s="3"/>
    </row>
    <row r="372" spans="1:8" ht="60" customHeight="1">
      <c r="A372" s="11" t="s">
        <v>811</v>
      </c>
      <c r="B372" s="11" t="s">
        <v>781</v>
      </c>
      <c r="C372" s="11" t="s">
        <v>701</v>
      </c>
      <c r="D372" s="11" t="s">
        <v>812</v>
      </c>
      <c r="E372" s="36">
        <v>41944</v>
      </c>
      <c r="F372" s="8" t="s">
        <v>813</v>
      </c>
      <c r="G372" s="10" t="s">
        <v>1382</v>
      </c>
      <c r="H372" s="3"/>
    </row>
    <row r="373" spans="1:8" ht="60" customHeight="1">
      <c r="A373" s="11" t="s">
        <v>814</v>
      </c>
      <c r="B373" s="11" t="s">
        <v>771</v>
      </c>
      <c r="C373" s="11" t="s">
        <v>701</v>
      </c>
      <c r="D373" s="11" t="s">
        <v>815</v>
      </c>
      <c r="E373" s="36">
        <v>41944</v>
      </c>
      <c r="F373" s="11" t="s">
        <v>816</v>
      </c>
      <c r="G373" s="10" t="s">
        <v>1447</v>
      </c>
      <c r="H373" s="3"/>
    </row>
    <row r="374" spans="1:8" ht="60" customHeight="1">
      <c r="A374" s="11" t="s">
        <v>817</v>
      </c>
      <c r="B374" s="11" t="s">
        <v>818</v>
      </c>
      <c r="C374" s="11" t="s">
        <v>701</v>
      </c>
      <c r="D374" s="11" t="s">
        <v>819</v>
      </c>
      <c r="E374" s="36">
        <v>41974</v>
      </c>
      <c r="F374" s="11" t="s">
        <v>820</v>
      </c>
      <c r="G374" s="10" t="s">
        <v>1480</v>
      </c>
      <c r="H374" s="3"/>
    </row>
    <row r="375" spans="1:8" ht="60" customHeight="1">
      <c r="A375" s="11" t="s">
        <v>821</v>
      </c>
      <c r="B375" s="11" t="s">
        <v>822</v>
      </c>
      <c r="C375" s="11" t="s">
        <v>701</v>
      </c>
      <c r="D375" s="11" t="s">
        <v>823</v>
      </c>
      <c r="E375" s="36">
        <v>41974</v>
      </c>
      <c r="F375" s="11" t="s">
        <v>793</v>
      </c>
      <c r="G375" s="10" t="s">
        <v>1481</v>
      </c>
      <c r="H375" s="3"/>
    </row>
    <row r="376" spans="1:8" ht="60" customHeight="1">
      <c r="A376" s="11" t="s">
        <v>824</v>
      </c>
      <c r="B376" s="8" t="s">
        <v>825</v>
      </c>
      <c r="C376" s="11" t="s">
        <v>701</v>
      </c>
      <c r="D376" s="11" t="s">
        <v>826</v>
      </c>
      <c r="E376" s="33">
        <v>42005</v>
      </c>
      <c r="F376" s="11" t="s">
        <v>827</v>
      </c>
      <c r="G376" s="10" t="s">
        <v>1390</v>
      </c>
      <c r="H376" s="3"/>
    </row>
    <row r="377" spans="1:8" ht="60" customHeight="1">
      <c r="A377" s="11" t="s">
        <v>828</v>
      </c>
      <c r="B377" s="11" t="s">
        <v>829</v>
      </c>
      <c r="C377" s="11" t="s">
        <v>701</v>
      </c>
      <c r="D377" s="11" t="s">
        <v>830</v>
      </c>
      <c r="E377" s="33">
        <v>42005</v>
      </c>
      <c r="F377" s="11" t="s">
        <v>831</v>
      </c>
      <c r="G377" s="10" t="s">
        <v>1390</v>
      </c>
      <c r="H377" s="3"/>
    </row>
    <row r="378" spans="1:8" ht="60" customHeight="1">
      <c r="A378" s="11" t="s">
        <v>832</v>
      </c>
      <c r="B378" s="11" t="s">
        <v>833</v>
      </c>
      <c r="C378" s="11" t="s">
        <v>701</v>
      </c>
      <c r="D378" s="11" t="s">
        <v>834</v>
      </c>
      <c r="E378" s="33">
        <v>42005</v>
      </c>
      <c r="F378" s="11" t="s">
        <v>398</v>
      </c>
      <c r="G378" s="10" t="s">
        <v>1482</v>
      </c>
      <c r="H378" s="3"/>
    </row>
    <row r="379" spans="1:8" ht="60" customHeight="1">
      <c r="A379" s="11" t="s">
        <v>835</v>
      </c>
      <c r="B379" s="11" t="s">
        <v>771</v>
      </c>
      <c r="C379" s="11" t="s">
        <v>701</v>
      </c>
      <c r="D379" s="11" t="s">
        <v>836</v>
      </c>
      <c r="E379" s="33">
        <v>42005</v>
      </c>
      <c r="F379" s="11" t="s">
        <v>816</v>
      </c>
      <c r="G379" s="10" t="s">
        <v>1448</v>
      </c>
      <c r="H379" s="3"/>
    </row>
    <row r="380" spans="1:8" ht="72.75" customHeight="1">
      <c r="A380" s="11" t="s">
        <v>1360</v>
      </c>
      <c r="B380" s="11" t="s">
        <v>771</v>
      </c>
      <c r="C380" s="11" t="s">
        <v>701</v>
      </c>
      <c r="D380" s="11" t="s">
        <v>837</v>
      </c>
      <c r="E380" s="33">
        <v>42005</v>
      </c>
      <c r="F380" s="11" t="s">
        <v>816</v>
      </c>
      <c r="G380" s="10" t="s">
        <v>1449</v>
      </c>
      <c r="H380" s="3"/>
    </row>
    <row r="381" spans="1:8" ht="60" customHeight="1">
      <c r="A381" s="11" t="s">
        <v>838</v>
      </c>
      <c r="B381" s="11" t="s">
        <v>839</v>
      </c>
      <c r="C381" s="11" t="s">
        <v>701</v>
      </c>
      <c r="D381" s="11" t="s">
        <v>840</v>
      </c>
      <c r="E381" s="33">
        <v>42005</v>
      </c>
      <c r="F381" s="11" t="s">
        <v>827</v>
      </c>
      <c r="G381" s="10" t="s">
        <v>1390</v>
      </c>
      <c r="H381" s="3"/>
    </row>
    <row r="382" spans="1:8" ht="60" customHeight="1">
      <c r="A382" s="11" t="s">
        <v>841</v>
      </c>
      <c r="B382" s="11" t="s">
        <v>842</v>
      </c>
      <c r="C382" s="11" t="s">
        <v>701</v>
      </c>
      <c r="D382" s="11" t="s">
        <v>843</v>
      </c>
      <c r="E382" s="33">
        <v>42036</v>
      </c>
      <c r="F382" s="11" t="s">
        <v>398</v>
      </c>
      <c r="G382" s="10" t="s">
        <v>1483</v>
      </c>
      <c r="H382" s="3"/>
    </row>
    <row r="383" spans="1:8" ht="60" customHeight="1">
      <c r="A383" s="11" t="s">
        <v>844</v>
      </c>
      <c r="B383" s="11" t="s">
        <v>845</v>
      </c>
      <c r="C383" s="11" t="s">
        <v>701</v>
      </c>
      <c r="D383" s="11" t="s">
        <v>846</v>
      </c>
      <c r="E383" s="33">
        <v>42036</v>
      </c>
      <c r="F383" s="11" t="s">
        <v>847</v>
      </c>
      <c r="G383" s="10" t="s">
        <v>1484</v>
      </c>
      <c r="H383" s="3"/>
    </row>
    <row r="384" spans="1:8" ht="60" customHeight="1">
      <c r="A384" s="11" t="s">
        <v>848</v>
      </c>
      <c r="B384" s="8" t="s">
        <v>825</v>
      </c>
      <c r="C384" s="11" t="s">
        <v>701</v>
      </c>
      <c r="D384" s="11" t="s">
        <v>849</v>
      </c>
      <c r="E384" s="33">
        <v>42064</v>
      </c>
      <c r="F384" s="11" t="s">
        <v>751</v>
      </c>
      <c r="G384" s="10" t="s">
        <v>1485</v>
      </c>
      <c r="H384" s="3"/>
    </row>
    <row r="385" spans="1:8" ht="60" customHeight="1">
      <c r="A385" s="11" t="s">
        <v>850</v>
      </c>
      <c r="B385" s="11" t="s">
        <v>851</v>
      </c>
      <c r="C385" s="11" t="s">
        <v>701</v>
      </c>
      <c r="D385" s="11" t="s">
        <v>852</v>
      </c>
      <c r="E385" s="33">
        <v>42064</v>
      </c>
      <c r="F385" s="11" t="s">
        <v>743</v>
      </c>
      <c r="G385" s="10" t="s">
        <v>1486</v>
      </c>
      <c r="H385" s="3"/>
    </row>
    <row r="386" spans="1:8" ht="60" customHeight="1">
      <c r="A386" s="11" t="s">
        <v>853</v>
      </c>
      <c r="B386" s="11" t="s">
        <v>771</v>
      </c>
      <c r="C386" s="11" t="s">
        <v>701</v>
      </c>
      <c r="D386" s="11" t="s">
        <v>854</v>
      </c>
      <c r="E386" s="33">
        <v>42064</v>
      </c>
      <c r="F386" s="11" t="s">
        <v>800</v>
      </c>
      <c r="G386" s="10" t="s">
        <v>1450</v>
      </c>
      <c r="H386" s="3"/>
    </row>
    <row r="387" spans="1:8" ht="60" customHeight="1">
      <c r="A387" s="11" t="s">
        <v>855</v>
      </c>
      <c r="B387" s="11" t="s">
        <v>856</v>
      </c>
      <c r="C387" s="11" t="s">
        <v>701</v>
      </c>
      <c r="D387" s="11" t="s">
        <v>857</v>
      </c>
      <c r="E387" s="33">
        <v>42064</v>
      </c>
      <c r="F387" s="11" t="s">
        <v>858</v>
      </c>
      <c r="G387" s="58" t="s">
        <v>1381</v>
      </c>
      <c r="H387" s="3"/>
    </row>
    <row r="388" spans="1:8" ht="60" customHeight="1">
      <c r="A388" s="11" t="s">
        <v>859</v>
      </c>
      <c r="B388" s="11" t="s">
        <v>860</v>
      </c>
      <c r="C388" s="11" t="s">
        <v>701</v>
      </c>
      <c r="D388" s="11" t="s">
        <v>861</v>
      </c>
      <c r="E388" s="33">
        <v>42064</v>
      </c>
      <c r="F388" s="11" t="s">
        <v>755</v>
      </c>
      <c r="G388" s="10" t="s">
        <v>1487</v>
      </c>
      <c r="H388" s="3"/>
    </row>
    <row r="389" spans="1:8" ht="60" customHeight="1">
      <c r="A389" s="11" t="s">
        <v>862</v>
      </c>
      <c r="B389" s="11" t="s">
        <v>863</v>
      </c>
      <c r="C389" s="11" t="s">
        <v>701</v>
      </c>
      <c r="D389" s="11" t="s">
        <v>864</v>
      </c>
      <c r="E389" s="59">
        <v>42064</v>
      </c>
      <c r="F389" s="11" t="s">
        <v>820</v>
      </c>
      <c r="G389" s="10" t="s">
        <v>1451</v>
      </c>
      <c r="H389" s="3"/>
    </row>
    <row r="390" spans="1:8" ht="60" customHeight="1">
      <c r="A390" s="11" t="s">
        <v>865</v>
      </c>
      <c r="B390" s="8" t="s">
        <v>1391</v>
      </c>
      <c r="C390" s="11" t="s">
        <v>701</v>
      </c>
      <c r="D390" s="11" t="s">
        <v>866</v>
      </c>
      <c r="E390" s="33">
        <v>42095</v>
      </c>
      <c r="F390" s="11" t="s">
        <v>867</v>
      </c>
      <c r="G390" s="10" t="s">
        <v>1379</v>
      </c>
      <c r="H390" s="3"/>
    </row>
    <row r="391" spans="1:8" ht="60" customHeight="1">
      <c r="A391" s="11" t="s">
        <v>868</v>
      </c>
      <c r="B391" s="11" t="s">
        <v>869</v>
      </c>
      <c r="C391" s="11" t="s">
        <v>701</v>
      </c>
      <c r="D391" s="11" t="s">
        <v>870</v>
      </c>
      <c r="E391" s="33">
        <v>42095</v>
      </c>
      <c r="F391" s="11" t="s">
        <v>871</v>
      </c>
      <c r="G391" s="58" t="s">
        <v>1380</v>
      </c>
      <c r="H391" s="3"/>
    </row>
    <row r="392" spans="1:8" ht="36.75" customHeight="1">
      <c r="A392" s="42" t="s">
        <v>1250</v>
      </c>
      <c r="B392" s="43"/>
      <c r="C392" s="43"/>
      <c r="D392" s="43"/>
      <c r="E392" s="43"/>
      <c r="F392" s="43"/>
      <c r="G392" s="60"/>
    </row>
    <row r="393" spans="1:8" ht="47.25">
      <c r="A393" s="8" t="s">
        <v>36</v>
      </c>
      <c r="B393" s="8" t="s">
        <v>1337</v>
      </c>
      <c r="C393" s="8" t="s">
        <v>37</v>
      </c>
      <c r="D393" s="8" t="s">
        <v>1260</v>
      </c>
      <c r="E393" s="8">
        <v>2013</v>
      </c>
      <c r="F393" s="8" t="s">
        <v>39</v>
      </c>
      <c r="G393" s="10" t="s">
        <v>40</v>
      </c>
    </row>
    <row r="394" spans="1:8" ht="94.5">
      <c r="A394" s="8" t="s">
        <v>41</v>
      </c>
      <c r="B394" s="8" t="s">
        <v>42</v>
      </c>
      <c r="C394" s="8" t="s">
        <v>37</v>
      </c>
      <c r="D394" s="8" t="s">
        <v>43</v>
      </c>
      <c r="E394" s="8">
        <v>2014</v>
      </c>
      <c r="F394" s="8" t="s">
        <v>44</v>
      </c>
      <c r="G394" s="10" t="s">
        <v>45</v>
      </c>
    </row>
    <row r="395" spans="1:8" ht="47.25">
      <c r="A395" s="8" t="s">
        <v>47</v>
      </c>
      <c r="B395" s="8" t="s">
        <v>1338</v>
      </c>
      <c r="C395" s="8" t="s">
        <v>37</v>
      </c>
      <c r="D395" s="8" t="s">
        <v>46</v>
      </c>
      <c r="E395" s="15" t="s">
        <v>1261</v>
      </c>
      <c r="F395" s="8" t="s">
        <v>48</v>
      </c>
      <c r="G395" s="10" t="s">
        <v>49</v>
      </c>
    </row>
    <row r="396" spans="1:8" ht="47.25">
      <c r="A396" s="8" t="s">
        <v>50</v>
      </c>
      <c r="B396" s="8" t="s">
        <v>51</v>
      </c>
      <c r="C396" s="8" t="s">
        <v>37</v>
      </c>
      <c r="D396" s="8" t="s">
        <v>1267</v>
      </c>
      <c r="E396" s="8" t="s">
        <v>38</v>
      </c>
      <c r="F396" s="8" t="s">
        <v>1406</v>
      </c>
      <c r="G396" s="61" t="s">
        <v>68</v>
      </c>
    </row>
    <row r="397" spans="1:8" ht="94.5">
      <c r="A397" s="8" t="s">
        <v>52</v>
      </c>
      <c r="B397" s="8" t="s">
        <v>53</v>
      </c>
      <c r="C397" s="8" t="s">
        <v>37</v>
      </c>
      <c r="D397" s="8" t="s">
        <v>1262</v>
      </c>
      <c r="E397" s="8" t="s">
        <v>38</v>
      </c>
      <c r="F397" s="8" t="s">
        <v>44</v>
      </c>
      <c r="G397" s="10" t="s">
        <v>54</v>
      </c>
    </row>
    <row r="398" spans="1:8" ht="47.25">
      <c r="A398" s="8" t="s">
        <v>55</v>
      </c>
      <c r="B398" s="8" t="s">
        <v>1339</v>
      </c>
      <c r="C398" s="8" t="s">
        <v>37</v>
      </c>
      <c r="D398" s="8" t="s">
        <v>1263</v>
      </c>
      <c r="E398" s="8" t="s">
        <v>38</v>
      </c>
      <c r="F398" s="8" t="s">
        <v>48</v>
      </c>
      <c r="G398" s="10" t="s">
        <v>56</v>
      </c>
    </row>
    <row r="399" spans="1:8" ht="283.5">
      <c r="A399" s="8" t="s">
        <v>57</v>
      </c>
      <c r="B399" s="8" t="s">
        <v>58</v>
      </c>
      <c r="C399" s="8" t="s">
        <v>59</v>
      </c>
      <c r="D399" s="8" t="s">
        <v>60</v>
      </c>
      <c r="E399" s="15">
        <v>41760</v>
      </c>
      <c r="F399" s="8" t="s">
        <v>61</v>
      </c>
      <c r="G399" s="61" t="s">
        <v>1403</v>
      </c>
    </row>
    <row r="400" spans="1:8" ht="47.25">
      <c r="A400" s="8" t="s">
        <v>645</v>
      </c>
      <c r="B400" s="24" t="s">
        <v>646</v>
      </c>
      <c r="C400" s="8" t="s">
        <v>393</v>
      </c>
      <c r="D400" s="24" t="s">
        <v>647</v>
      </c>
      <c r="E400" s="29">
        <v>41671</v>
      </c>
      <c r="F400" s="24" t="s">
        <v>648</v>
      </c>
      <c r="G400" s="10" t="s">
        <v>1314</v>
      </c>
    </row>
    <row r="401" spans="1:7" ht="47.25">
      <c r="A401" s="8" t="s">
        <v>649</v>
      </c>
      <c r="B401" s="24" t="s">
        <v>646</v>
      </c>
      <c r="C401" s="8" t="s">
        <v>393</v>
      </c>
      <c r="D401" s="24" t="s">
        <v>650</v>
      </c>
      <c r="E401" s="29">
        <v>41671</v>
      </c>
      <c r="F401" s="24"/>
      <c r="G401" s="10" t="s">
        <v>1314</v>
      </c>
    </row>
    <row r="402" spans="1:7" ht="47.25">
      <c r="A402" s="8" t="s">
        <v>651</v>
      </c>
      <c r="B402" s="24" t="s">
        <v>1409</v>
      </c>
      <c r="C402" s="8" t="s">
        <v>393</v>
      </c>
      <c r="D402" s="24" t="s">
        <v>652</v>
      </c>
      <c r="E402" s="29">
        <v>41699</v>
      </c>
      <c r="F402" s="24" t="s">
        <v>644</v>
      </c>
      <c r="G402" s="28" t="s">
        <v>1431</v>
      </c>
    </row>
    <row r="403" spans="1:7" ht="47.25">
      <c r="A403" s="8" t="s">
        <v>653</v>
      </c>
      <c r="B403" s="24" t="s">
        <v>1409</v>
      </c>
      <c r="C403" s="8" t="s">
        <v>393</v>
      </c>
      <c r="D403" s="24" t="s">
        <v>654</v>
      </c>
      <c r="E403" s="29">
        <v>41760</v>
      </c>
      <c r="F403" s="24" t="s">
        <v>655</v>
      </c>
      <c r="G403" s="28" t="s">
        <v>1431</v>
      </c>
    </row>
    <row r="404" spans="1:7" ht="47.25">
      <c r="A404" s="8" t="s">
        <v>656</v>
      </c>
      <c r="B404" s="24" t="s">
        <v>657</v>
      </c>
      <c r="C404" s="8" t="s">
        <v>393</v>
      </c>
      <c r="D404" s="24" t="s">
        <v>658</v>
      </c>
      <c r="E404" s="24" t="s">
        <v>659</v>
      </c>
      <c r="F404" s="24" t="s">
        <v>660</v>
      </c>
      <c r="G404" s="26" t="s">
        <v>1430</v>
      </c>
    </row>
    <row r="405" spans="1:7" ht="47.25">
      <c r="A405" s="8" t="s">
        <v>661</v>
      </c>
      <c r="B405" s="24" t="s">
        <v>657</v>
      </c>
      <c r="C405" s="8" t="s">
        <v>393</v>
      </c>
      <c r="D405" s="24" t="s">
        <v>662</v>
      </c>
      <c r="E405" s="24" t="s">
        <v>659</v>
      </c>
      <c r="F405" s="24" t="s">
        <v>663</v>
      </c>
      <c r="G405" s="26" t="s">
        <v>1430</v>
      </c>
    </row>
    <row r="406" spans="1:7" ht="47.25">
      <c r="A406" s="8" t="s">
        <v>665</v>
      </c>
      <c r="B406" s="24" t="s">
        <v>666</v>
      </c>
      <c r="C406" s="8" t="s">
        <v>393</v>
      </c>
      <c r="D406" s="24" t="s">
        <v>667</v>
      </c>
      <c r="E406" s="29">
        <v>41699</v>
      </c>
      <c r="F406" s="24" t="s">
        <v>668</v>
      </c>
      <c r="G406" s="10" t="s">
        <v>1407</v>
      </c>
    </row>
    <row r="407" spans="1:7" ht="47.25">
      <c r="A407" s="8" t="s">
        <v>664</v>
      </c>
      <c r="B407" s="24" t="s">
        <v>669</v>
      </c>
      <c r="C407" s="8" t="s">
        <v>393</v>
      </c>
      <c r="D407" s="24" t="s">
        <v>662</v>
      </c>
      <c r="E407" s="24" t="s">
        <v>659</v>
      </c>
      <c r="F407" s="24" t="s">
        <v>663</v>
      </c>
      <c r="G407" s="46"/>
    </row>
    <row r="408" spans="1:7" ht="31.5">
      <c r="A408" s="11" t="s">
        <v>1104</v>
      </c>
      <c r="B408" s="8" t="s">
        <v>1086</v>
      </c>
      <c r="C408" s="8" t="s">
        <v>1087</v>
      </c>
      <c r="D408" s="11" t="s">
        <v>1105</v>
      </c>
      <c r="E408" s="51">
        <v>41490</v>
      </c>
      <c r="F408" s="11" t="s">
        <v>1106</v>
      </c>
      <c r="G408" s="10" t="s">
        <v>1107</v>
      </c>
    </row>
    <row r="409" spans="1:7" ht="31.5">
      <c r="A409" s="11" t="s">
        <v>1108</v>
      </c>
      <c r="B409" s="8" t="s">
        <v>1086</v>
      </c>
      <c r="C409" s="8" t="s">
        <v>1087</v>
      </c>
      <c r="D409" s="11" t="s">
        <v>1398</v>
      </c>
      <c r="E409" s="11" t="s">
        <v>1109</v>
      </c>
      <c r="F409" s="11" t="s">
        <v>1110</v>
      </c>
      <c r="G409" s="10" t="s">
        <v>1111</v>
      </c>
    </row>
    <row r="410" spans="1:7" ht="47.25">
      <c r="A410" s="11" t="s">
        <v>1112</v>
      </c>
      <c r="B410" s="8" t="s">
        <v>1086</v>
      </c>
      <c r="C410" s="8" t="s">
        <v>1087</v>
      </c>
      <c r="D410" s="11" t="s">
        <v>1113</v>
      </c>
      <c r="E410" s="11" t="s">
        <v>1114</v>
      </c>
      <c r="F410" s="11" t="s">
        <v>1115</v>
      </c>
      <c r="G410" s="10" t="s">
        <v>1116</v>
      </c>
    </row>
    <row r="411" spans="1:7" ht="31.5">
      <c r="A411" s="11" t="s">
        <v>1117</v>
      </c>
      <c r="B411" s="8" t="s">
        <v>1086</v>
      </c>
      <c r="C411" s="8" t="s">
        <v>1087</v>
      </c>
      <c r="D411" s="8" t="s">
        <v>1118</v>
      </c>
      <c r="E411" s="15">
        <v>41334</v>
      </c>
      <c r="F411" s="11" t="s">
        <v>1119</v>
      </c>
      <c r="G411" s="10" t="s">
        <v>1107</v>
      </c>
    </row>
    <row r="412" spans="1:7" ht="94.5">
      <c r="A412" s="11" t="s">
        <v>1131</v>
      </c>
      <c r="B412" s="11" t="s">
        <v>1121</v>
      </c>
      <c r="C412" s="8" t="s">
        <v>1087</v>
      </c>
      <c r="D412" s="11" t="s">
        <v>1132</v>
      </c>
      <c r="E412" s="30">
        <v>41334</v>
      </c>
      <c r="F412" s="11" t="s">
        <v>1133</v>
      </c>
      <c r="G412" s="26" t="s">
        <v>1425</v>
      </c>
    </row>
    <row r="413" spans="1:7" ht="63">
      <c r="A413" s="11" t="s">
        <v>1134</v>
      </c>
      <c r="B413" s="11" t="s">
        <v>1121</v>
      </c>
      <c r="C413" s="8" t="s">
        <v>1087</v>
      </c>
      <c r="D413" s="11" t="s">
        <v>1118</v>
      </c>
      <c r="E413" s="30">
        <v>41365</v>
      </c>
      <c r="F413" s="11" t="s">
        <v>1106</v>
      </c>
      <c r="G413" s="26" t="s">
        <v>1426</v>
      </c>
    </row>
    <row r="414" spans="1:7" ht="31.5">
      <c r="A414" s="8" t="s">
        <v>1135</v>
      </c>
      <c r="B414" s="8" t="s">
        <v>1136</v>
      </c>
      <c r="C414" s="8" t="s">
        <v>1087</v>
      </c>
      <c r="D414" s="8" t="s">
        <v>1519</v>
      </c>
      <c r="E414" s="8">
        <v>2013</v>
      </c>
      <c r="F414" s="62">
        <v>9781479939275</v>
      </c>
      <c r="G414" s="10" t="s">
        <v>1137</v>
      </c>
    </row>
    <row r="415" spans="1:7" ht="31.5">
      <c r="A415" s="8" t="s">
        <v>1208</v>
      </c>
      <c r="B415" s="8" t="s">
        <v>1195</v>
      </c>
      <c r="C415" s="8" t="s">
        <v>1087</v>
      </c>
      <c r="D415" s="8" t="s">
        <v>1209</v>
      </c>
      <c r="E415" s="8" t="s">
        <v>1210</v>
      </c>
      <c r="F415" s="8"/>
      <c r="G415" s="10" t="s">
        <v>1211</v>
      </c>
    </row>
    <row r="416" spans="1:7" ht="47.25">
      <c r="A416" s="11" t="s">
        <v>1212</v>
      </c>
      <c r="B416" s="8" t="s">
        <v>1195</v>
      </c>
      <c r="C416" s="8" t="s">
        <v>1087</v>
      </c>
      <c r="D416" s="8" t="s">
        <v>1213</v>
      </c>
      <c r="E416" s="8" t="s">
        <v>1214</v>
      </c>
      <c r="F416" s="8"/>
      <c r="G416" s="10" t="s">
        <v>1107</v>
      </c>
    </row>
    <row r="417" spans="1:7" ht="47.25">
      <c r="A417" s="8" t="s">
        <v>1215</v>
      </c>
      <c r="B417" s="8" t="s">
        <v>1195</v>
      </c>
      <c r="C417" s="8" t="s">
        <v>1087</v>
      </c>
      <c r="D417" s="8" t="s">
        <v>1216</v>
      </c>
      <c r="E417" s="8" t="s">
        <v>1520</v>
      </c>
      <c r="F417" s="8" t="s">
        <v>1313</v>
      </c>
      <c r="G417" s="10" t="s">
        <v>1217</v>
      </c>
    </row>
    <row r="418" spans="1:7" ht="47.25">
      <c r="A418" s="11" t="s">
        <v>1361</v>
      </c>
      <c r="B418" s="11" t="s">
        <v>700</v>
      </c>
      <c r="C418" s="11" t="s">
        <v>701</v>
      </c>
      <c r="D418" s="11" t="s">
        <v>702</v>
      </c>
      <c r="E418" s="33">
        <v>41487</v>
      </c>
      <c r="F418" s="11" t="s">
        <v>703</v>
      </c>
      <c r="G418" s="10" t="s">
        <v>1453</v>
      </c>
    </row>
    <row r="419" spans="1:7" ht="31.5">
      <c r="A419" s="11" t="s">
        <v>704</v>
      </c>
      <c r="B419" s="11" t="s">
        <v>700</v>
      </c>
      <c r="C419" s="11" t="s">
        <v>701</v>
      </c>
      <c r="D419" s="11" t="s">
        <v>705</v>
      </c>
      <c r="E419" s="33">
        <v>41487</v>
      </c>
      <c r="F419" s="11" t="s">
        <v>706</v>
      </c>
      <c r="G419" s="10" t="s">
        <v>1375</v>
      </c>
    </row>
    <row r="420" spans="1:7" ht="47.25">
      <c r="A420" s="11" t="s">
        <v>707</v>
      </c>
      <c r="B420" s="11" t="s">
        <v>700</v>
      </c>
      <c r="C420" s="11" t="s">
        <v>701</v>
      </c>
      <c r="D420" s="11" t="s">
        <v>708</v>
      </c>
      <c r="E420" s="33">
        <v>41487</v>
      </c>
      <c r="F420" s="11" t="s">
        <v>709</v>
      </c>
      <c r="G420" s="10" t="s">
        <v>1376</v>
      </c>
    </row>
    <row r="421" spans="1:7" ht="47.25">
      <c r="A421" s="11" t="s">
        <v>710</v>
      </c>
      <c r="B421" s="11" t="s">
        <v>711</v>
      </c>
      <c r="C421" s="11" t="s">
        <v>701</v>
      </c>
      <c r="D421" s="11" t="s">
        <v>712</v>
      </c>
      <c r="E421" s="33">
        <v>41487</v>
      </c>
      <c r="F421" s="11" t="s">
        <v>713</v>
      </c>
      <c r="G421" s="10" t="s">
        <v>1377</v>
      </c>
    </row>
    <row r="422" spans="1:7" ht="31.5">
      <c r="A422" s="11" t="s">
        <v>714</v>
      </c>
      <c r="B422" s="11" t="s">
        <v>711</v>
      </c>
      <c r="C422" s="11" t="s">
        <v>701</v>
      </c>
      <c r="D422" s="11" t="s">
        <v>715</v>
      </c>
      <c r="E422" s="33">
        <v>41518</v>
      </c>
      <c r="F422" s="11" t="s">
        <v>80</v>
      </c>
      <c r="G422" s="10" t="s">
        <v>1354</v>
      </c>
    </row>
    <row r="423" spans="1:7" ht="47.25">
      <c r="A423" s="11" t="s">
        <v>716</v>
      </c>
      <c r="B423" s="11" t="s">
        <v>700</v>
      </c>
      <c r="C423" s="11" t="s">
        <v>701</v>
      </c>
      <c r="D423" s="11" t="s">
        <v>717</v>
      </c>
      <c r="E423" s="33">
        <v>41518</v>
      </c>
      <c r="F423" s="11" t="s">
        <v>718</v>
      </c>
      <c r="G423" s="10" t="s">
        <v>1454</v>
      </c>
    </row>
    <row r="424" spans="1:7" ht="47.25">
      <c r="A424" s="11" t="s">
        <v>719</v>
      </c>
      <c r="B424" s="11" t="s">
        <v>700</v>
      </c>
      <c r="C424" s="11" t="s">
        <v>701</v>
      </c>
      <c r="D424" s="11" t="s">
        <v>720</v>
      </c>
      <c r="E424" s="36">
        <v>41548</v>
      </c>
      <c r="F424" s="11"/>
      <c r="G424" s="10" t="s">
        <v>1378</v>
      </c>
    </row>
    <row r="425" spans="1:7" ht="47.25">
      <c r="A425" s="11" t="s">
        <v>721</v>
      </c>
      <c r="B425" s="11" t="s">
        <v>711</v>
      </c>
      <c r="C425" s="11" t="s">
        <v>701</v>
      </c>
      <c r="D425" s="11" t="s">
        <v>722</v>
      </c>
      <c r="E425" s="36">
        <v>41548</v>
      </c>
      <c r="F425" s="11"/>
      <c r="G425" s="10" t="s">
        <v>1488</v>
      </c>
    </row>
    <row r="426" spans="1:7" ht="94.5">
      <c r="A426" s="11" t="s">
        <v>723</v>
      </c>
      <c r="B426" s="11" t="s">
        <v>711</v>
      </c>
      <c r="C426" s="11" t="s">
        <v>701</v>
      </c>
      <c r="D426" s="11" t="s">
        <v>724</v>
      </c>
      <c r="E426" s="36">
        <v>41548</v>
      </c>
      <c r="F426" s="11" t="s">
        <v>643</v>
      </c>
      <c r="G426" s="10" t="s">
        <v>1489</v>
      </c>
    </row>
    <row r="427" spans="1:7" ht="94.5">
      <c r="A427" s="11" t="s">
        <v>725</v>
      </c>
      <c r="B427" s="11" t="s">
        <v>711</v>
      </c>
      <c r="C427" s="11" t="s">
        <v>701</v>
      </c>
      <c r="D427" s="11" t="s">
        <v>726</v>
      </c>
      <c r="E427" s="36">
        <v>41548</v>
      </c>
      <c r="F427" s="11" t="s">
        <v>727</v>
      </c>
      <c r="G427" s="10" t="s">
        <v>1490</v>
      </c>
    </row>
    <row r="428" spans="1:7" ht="94.5">
      <c r="A428" s="24" t="s">
        <v>728</v>
      </c>
      <c r="B428" s="11" t="s">
        <v>700</v>
      </c>
      <c r="C428" s="11" t="s">
        <v>701</v>
      </c>
      <c r="D428" s="11" t="s">
        <v>729</v>
      </c>
      <c r="E428" s="36">
        <v>41579</v>
      </c>
      <c r="F428" s="11" t="s">
        <v>713</v>
      </c>
      <c r="G428" s="10" t="s">
        <v>1456</v>
      </c>
    </row>
    <row r="429" spans="1:7" ht="63">
      <c r="A429" s="11" t="s">
        <v>730</v>
      </c>
      <c r="B429" s="11" t="s">
        <v>711</v>
      </c>
      <c r="C429" s="11" t="s">
        <v>701</v>
      </c>
      <c r="D429" s="11" t="s">
        <v>731</v>
      </c>
      <c r="E429" s="33">
        <v>41671</v>
      </c>
      <c r="F429" s="11" t="s">
        <v>732</v>
      </c>
      <c r="G429" s="10" t="s">
        <v>1374</v>
      </c>
    </row>
    <row r="430" spans="1:7" ht="63">
      <c r="A430" s="11" t="s">
        <v>733</v>
      </c>
      <c r="B430" s="11" t="s">
        <v>700</v>
      </c>
      <c r="C430" s="11" t="s">
        <v>701</v>
      </c>
      <c r="D430" s="11" t="s">
        <v>734</v>
      </c>
      <c r="E430" s="33">
        <v>41699</v>
      </c>
      <c r="F430" s="11" t="s">
        <v>735</v>
      </c>
      <c r="G430" s="10" t="s">
        <v>1455</v>
      </c>
    </row>
    <row r="431" spans="1:7" ht="47.25">
      <c r="A431" s="11" t="s">
        <v>736</v>
      </c>
      <c r="B431" s="11" t="s">
        <v>700</v>
      </c>
      <c r="C431" s="11" t="s">
        <v>701</v>
      </c>
      <c r="D431" s="11" t="s">
        <v>737</v>
      </c>
      <c r="E431" s="33">
        <v>41699</v>
      </c>
      <c r="F431" s="11" t="s">
        <v>713</v>
      </c>
      <c r="G431" s="10" t="s">
        <v>1377</v>
      </c>
    </row>
    <row r="432" spans="1:7" ht="47.25">
      <c r="A432" s="11" t="s">
        <v>738</v>
      </c>
      <c r="B432" s="11" t="s">
        <v>711</v>
      </c>
      <c r="C432" s="11" t="s">
        <v>701</v>
      </c>
      <c r="D432" s="11" t="s">
        <v>739</v>
      </c>
      <c r="E432" s="33">
        <v>41699</v>
      </c>
      <c r="F432" s="11" t="s">
        <v>740</v>
      </c>
      <c r="G432" s="10" t="s">
        <v>1374</v>
      </c>
    </row>
    <row r="433" spans="1:7" ht="47.25">
      <c r="A433" s="11" t="s">
        <v>741</v>
      </c>
      <c r="B433" s="11" t="s">
        <v>700</v>
      </c>
      <c r="C433" s="11" t="s">
        <v>701</v>
      </c>
      <c r="D433" s="11" t="s">
        <v>742</v>
      </c>
      <c r="E433" s="33">
        <v>41730</v>
      </c>
      <c r="F433" s="11" t="s">
        <v>743</v>
      </c>
      <c r="G433" s="10" t="s">
        <v>1373</v>
      </c>
    </row>
    <row r="434" spans="1:7" ht="47.25">
      <c r="A434" s="11" t="s">
        <v>744</v>
      </c>
      <c r="B434" s="11" t="s">
        <v>745</v>
      </c>
      <c r="C434" s="11" t="s">
        <v>701</v>
      </c>
      <c r="D434" s="11" t="s">
        <v>746</v>
      </c>
      <c r="E434" s="33">
        <v>41760</v>
      </c>
      <c r="F434" s="11" t="s">
        <v>747</v>
      </c>
      <c r="G434" s="10" t="s">
        <v>1372</v>
      </c>
    </row>
    <row r="435" spans="1:7" ht="47.25">
      <c r="A435" s="11" t="s">
        <v>748</v>
      </c>
      <c r="B435" s="11" t="s">
        <v>749</v>
      </c>
      <c r="C435" s="11" t="s">
        <v>701</v>
      </c>
      <c r="D435" s="11" t="s">
        <v>750</v>
      </c>
      <c r="E435" s="33">
        <v>41760</v>
      </c>
      <c r="F435" s="11" t="s">
        <v>751</v>
      </c>
      <c r="G435" s="10" t="s">
        <v>1371</v>
      </c>
    </row>
    <row r="436" spans="1:7" ht="47.25">
      <c r="A436" s="11" t="s">
        <v>752</v>
      </c>
      <c r="B436" s="11" t="s">
        <v>753</v>
      </c>
      <c r="C436" s="11" t="s">
        <v>701</v>
      </c>
      <c r="D436" s="11" t="s">
        <v>754</v>
      </c>
      <c r="E436" s="33">
        <v>41791</v>
      </c>
      <c r="F436" s="11" t="s">
        <v>755</v>
      </c>
      <c r="G436" s="10" t="s">
        <v>1370</v>
      </c>
    </row>
    <row r="437" spans="1:7" ht="47.25">
      <c r="A437" s="11" t="s">
        <v>756</v>
      </c>
      <c r="B437" s="11" t="s">
        <v>753</v>
      </c>
      <c r="C437" s="11" t="s">
        <v>701</v>
      </c>
      <c r="D437" s="11" t="s">
        <v>757</v>
      </c>
      <c r="E437" s="33">
        <v>41791</v>
      </c>
      <c r="F437" s="11" t="s">
        <v>758</v>
      </c>
      <c r="G437" s="10" t="s">
        <v>1370</v>
      </c>
    </row>
    <row r="438" spans="1:7" ht="47.25">
      <c r="A438" s="11" t="s">
        <v>759</v>
      </c>
      <c r="B438" s="11" t="s">
        <v>700</v>
      </c>
      <c r="C438" s="11" t="s">
        <v>701</v>
      </c>
      <c r="D438" s="11" t="s">
        <v>760</v>
      </c>
      <c r="E438" s="33">
        <v>41791</v>
      </c>
      <c r="F438" s="11" t="s">
        <v>761</v>
      </c>
      <c r="G438" s="10" t="s">
        <v>1369</v>
      </c>
    </row>
    <row r="439" spans="1:7" ht="47.25">
      <c r="A439" s="11" t="s">
        <v>762</v>
      </c>
      <c r="B439" s="11" t="s">
        <v>763</v>
      </c>
      <c r="C439" s="11" t="s">
        <v>701</v>
      </c>
      <c r="D439" s="11" t="s">
        <v>764</v>
      </c>
      <c r="E439" s="33">
        <v>41791</v>
      </c>
      <c r="F439" s="11" t="s">
        <v>765</v>
      </c>
      <c r="G439" s="10" t="s">
        <v>1368</v>
      </c>
    </row>
  </sheetData>
  <mergeCells count="5">
    <mergeCell ref="A392:G392"/>
    <mergeCell ref="A305:G305"/>
    <mergeCell ref="A207:G207"/>
    <mergeCell ref="A113:G113"/>
    <mergeCell ref="A1:G1"/>
  </mergeCells>
  <hyperlinks>
    <hyperlink ref="F11" r:id="rId1" display="https://www.elsevier.com/locate/issn/2214-7853"/>
    <hyperlink ref="F12" r:id="rId2" display="https://www.elsevier.com/locate/issn/2214-7853"/>
    <hyperlink ref="F13" r:id="rId3" display="https://www.elsevier.com/locate/issn/2214-7853"/>
    <hyperlink ref="F15" r:id="rId4" display="https://www.elsevier.com/locate/issn/2214-7853"/>
    <hyperlink ref="F16" r:id="rId5" display="https://www.elsevier.com/locate/issn/2214-7853"/>
    <hyperlink ref="G393" r:id="rId6"/>
    <hyperlink ref="G394" r:id="rId7" display="https://www.technicaljournalsonline.com/ijeat/VOL V/IJAET VOL V ISSUE II APRIL JUNE 2014/Article 23 V II 2014.pdf"/>
    <hyperlink ref="G395" r:id="rId8"/>
    <hyperlink ref="G397" r:id="rId9" display="http://www.technicaljournalsonline.com/ijeat/VOL V/IJAET VOL V ISSUE II APRIL JUNE 2014/Article 24 V II 2014.pdf"/>
    <hyperlink ref="G398" r:id="rId10"/>
    <hyperlink ref="G306" r:id="rId11"/>
    <hyperlink ref="G307" r:id="rId12"/>
    <hyperlink ref="G308" r:id="rId13"/>
    <hyperlink ref="G309" r:id="rId14"/>
    <hyperlink ref="G21" r:id="rId15"/>
    <hyperlink ref="G22" r:id="rId16"/>
    <hyperlink ref="G23" r:id="rId17"/>
    <hyperlink ref="G24" r:id="rId18"/>
    <hyperlink ref="G25" r:id="rId19"/>
    <hyperlink ref="G26" r:id="rId20"/>
    <hyperlink ref="G27" r:id="rId21"/>
    <hyperlink ref="G28" r:id="rId22"/>
    <hyperlink ref="G30" r:id="rId23"/>
    <hyperlink ref="G34" r:id="rId24"/>
    <hyperlink ref="G35" r:id="rId25"/>
    <hyperlink ref="G246" r:id="rId26"/>
    <hyperlink ref="G245" r:id="rId27"/>
    <hyperlink ref="G36" r:id="rId28"/>
    <hyperlink ref="G39" r:id="rId29" display="http://www.arresearchpublication.com/images/shortpdf/1490708845_GS196ijeee.pdf"/>
    <hyperlink ref="G40" r:id="rId30" display="https://www.ijirset.com/upload/2018/may/66_Tuning.pdf"/>
    <hyperlink ref="G41" r:id="rId31" display="https://www.ijesm.co.in/uploads/68/3705_pdf.pdf"/>
    <hyperlink ref="G42" r:id="rId32" display="http://www.ijritcc.org/download/browse/Volume_5.../1510148447_08-11-2017.pdf %0d"/>
    <hyperlink ref="G43" r:id="rId33" display="http://www.ijareeie.com/upload/2017/november/17_Final Manuscript E61111616-Packet recovery in Wi-Fi_802.11_ Networks.pdf"/>
    <hyperlink ref="G44" r:id="rId34" display="https://www.ijeecse.com/V5N2-029.pdf"/>
    <hyperlink ref="G45" r:id="rId35" display="https://www.ijraset.com/fileserve.php?FID=12720"/>
    <hyperlink ref="G46" r:id="rId36" display="https://www.ripublication.com/ijaer17/ijaerv12n11_37.pdf"/>
    <hyperlink ref="G47" r:id="rId37" display="https://ieeexplore.ieee.org/document/8390150"/>
    <hyperlink ref="G48" r:id="rId38" display="http://www.indjst.org/index.php/indjst/pages/view/atj"/>
    <hyperlink ref="G49" r:id="rId39"/>
    <hyperlink ref="G50" r:id="rId40"/>
    <hyperlink ref="G51" r:id="rId41" display="http://www.ijtsrd.com/papers/ijtsrd11521.pdf"/>
    <hyperlink ref="G53" r:id="rId42" display="http://www.ijtsrd.com/engineering/bio-mechanicaland-biomedical-engineering/11542/reviewwavelet-transform-based-electroencephalogram-methods/miss-n-r-patil"/>
    <hyperlink ref="G54" r:id="rId43" display="https://www.ijresm.com/Vol1Iss7July18/IJRESM_17_14.pdf"/>
    <hyperlink ref="G55" r:id="rId44" display="http://ijirt.org/Article?manuscript=145406"/>
    <hyperlink ref="G117" r:id="rId45" display="http://www.ijareeie.com/upload/2017/march/33_Detection.pdf"/>
    <hyperlink ref="G119" r:id="rId46" display="https://www.ijraset.com/fileserve.php?FID=5539"/>
    <hyperlink ref="G120" r:id="rId47" display="https://www.ijirset.com/upload/2016/november/13_Design.pdf"/>
    <hyperlink ref="G210" r:id="rId48" display="https://www.ijireeice.com/upload/2016/may-16/IJIREEICE 94.pdf"/>
    <hyperlink ref="G121" r:id="rId49"/>
    <hyperlink ref="G122" r:id="rId50"/>
    <hyperlink ref="G123" r:id="rId51" display="https://pdfs.semanticscholar.org/3c1e/695721c80b25d32e62ca26939e68a2c3644b.pdf?_ga=2.127732677.912528268.1542266645-1027079465.1542266645"/>
    <hyperlink ref="G124" r:id="rId52" display="http://ijesc.org/upload/c8cc267b40166f225e4b843d92c7b610.Detection of Primary User Emulation (PUE) Attack in Cognitive Radio Network.pdf"/>
    <hyperlink ref="G125" r:id="rId53" display="http://www.ijsrd.com/articles/IJSRDV5I10918.pdf"/>
    <hyperlink ref="G126" r:id="rId54" display="https://pdfs.semanticscholar.org/7e0f/fccfebc114caa090f7a42308d0f69f4bc665.pdf"/>
    <hyperlink ref="G127" r:id="rId55" display="http://www.ijnrd.org/papers/IJNRD1706015.pdf"/>
    <hyperlink ref="G128" r:id="rId56" display="http://ijesc.org/upload/393685d826529a191fb1570a5bcf1d4d.Synoptic Study of Abandoned Object Detection.pdf"/>
    <hyperlink ref="G129" r:id="rId57"/>
    <hyperlink ref="G130" r:id="rId58"/>
    <hyperlink ref="G131" r:id="rId59"/>
    <hyperlink ref="G132" r:id="rId60" display="http://ijesc.org/upload/b285129268c8b27326f51e09ac481aa8.Comprehensive Study of Video Stegnography Algorithms.pdf"/>
    <hyperlink ref="G133" r:id="rId61"/>
    <hyperlink ref="G134" r:id="rId62" display="http://ijesc.org/upload/6f5fc1a44fcac105bc6b390d436de772.Brain Tumor Segmentation in MRI Image using Hybrid Technique.pdf"/>
    <hyperlink ref="G212" r:id="rId63"/>
    <hyperlink ref="G215" r:id="rId64" display="http://ijirt.org/master/publishedpaper/IJIRT142804_PAPER.pdf"/>
    <hyperlink ref="G216" r:id="rId65" display="http://www.ijceronline.com/papers/Vol6_issue5/A0650106.pdf"/>
    <hyperlink ref="G217" r:id="rId66" display="http://oaji.net/articles/2017/1992-1514447684.pdf"/>
    <hyperlink ref="G218" r:id="rId67" display="http://www.ijcsit.com/docs/Volume 6/vol6issue05/ijcsit20150605121.pdf"/>
    <hyperlink ref="G219" r:id="rId68" display="http://ipasj.org/IIJEC/Volume3Issue12/IIJEC-2015-12-17-4.pdf"/>
    <hyperlink ref="G220" r:id="rId69" display="https://pdfs.semanticscholar.org/23dd/88b909182a8a69848e5476c3d76e014fb97d.pdf"/>
    <hyperlink ref="G221" r:id="rId70" location=" edit\_x000d_https:\www.irjet.net\archives\V2\i3\Irjet-v2i342.pdf   _x000d_" display="../../../nacc -  edit\_x000d_https:\www.irjet.net\archives\V2\i3\Irjet-v2i342.pdf   _x000d_"/>
    <hyperlink ref="G222" r:id="rId71"/>
    <hyperlink ref="G223" r:id="rId72"/>
    <hyperlink ref="G224" r:id="rId73" display="http://ijcsn.org/IJCSN-2016/5-2/Recognition-of-Real-or-Picture-Face-Using-Skin-Colour-Detection-and-Depth-Map-Information.pdf"/>
    <hyperlink ref="G225" r:id="rId74" display="https://pdfs.semanticscholar.org/e6ab/22c4fb861e2427617ecca90e33ceee9deaba.pdf"/>
    <hyperlink ref="G226" r:id="rId75" display="https://pdfs.semanticscholar.org/ab75/a58e8fba2c88e6ab03dc98f7aef4a2918a74.pdf"/>
    <hyperlink ref="G227" r:id="rId76" display="http://www.ijmer.com/papers/Vol6_Issue3/Verson-3/H6335153.pdf"/>
    <hyperlink ref="G228" r:id="rId77" display="http://ijcsn.org/IJCSN-2016/5-2/Recognition-of-Real-or-Picture-Face-Using-Skin-Colour-Detection-and-Depth-Map-Information.pdf"/>
    <hyperlink ref="G93" r:id="rId78"/>
    <hyperlink ref="G94" r:id="rId79" display="https://www.ijirset.com/upload/2018/may/66_Tuning.pdf"/>
    <hyperlink ref="G205" r:id="rId80"/>
    <hyperlink ref="G268" r:id="rId81"/>
    <hyperlink ref="G269" r:id="rId82"/>
    <hyperlink ref="G270" r:id="rId83" display="https://www.ijireeice.com/upload/2016/may-16/IJIREEICE 94.pdf"/>
    <hyperlink ref="G271" r:id="rId84"/>
    <hyperlink ref="G91" r:id="rId85" display="http://ijirt.org/master/publishedpaper/IJIRT146560_PAPER.pdf"/>
    <hyperlink ref="G265" r:id="rId86" display="https://www.ijarcce.com/upload/2016/march-16/IJARCCE 261.pdf"/>
    <hyperlink ref="G355" r:id="rId87" display="http://www.iaeme.com/MasterAdmin/UploadFolder/WORKLOAD ANALYSIS SECURITY ASPECTS AND OPTIMIZATION OF WORKLOAD IN HADOOP CLUSTERS/WORKLOAD ANALYSIS SECURITY ASPECTS AND OPTIMIZATION OF WORKLOAD IN HADOOP CLUSTERS.pdf"/>
    <hyperlink ref="G410" r:id="rId88" display="https://www.slideshare.net/iaeme/real-time-face-recognition-system-using-eigen-faces-18056689"/>
    <hyperlink ref="G259" r:id="rId89"/>
    <hyperlink ref="G260" r:id="rId90" display="https://www.researchgate.net/publication/312372026_Novel_Method_to_Improve_ACO_Performance_on_the_GPU_Using_CUDA_for_Nurse_Roster_Scheduling_Problem"/>
    <hyperlink ref="G249" r:id="rId91"/>
    <hyperlink ref="G87" r:id="rId92"/>
    <hyperlink ref="G247" r:id="rId93"/>
    <hyperlink ref="G262" r:id="rId94" display="https://www.ijarcce.com/upload/2016/march-16/IJARCCE 261.pdf"/>
    <hyperlink ref="G348" r:id="rId95" display="http://www.iaeme.com/MasterAdmin/UploadFolder/WORKLOAD ANALYSIS SECURITY ASPECTS AND OPTIMIZATION OF WORKLOAD IN HADOOP CLUSTERS/WORKLOAD ANALYSIS SECURITY ASPECTS AND OPTIMIZATION OF WORKLOAD IN HADOOP CLUSTERS.pdf"/>
    <hyperlink ref="G263" r:id="rId96" display="https://s3.amazonaws.com/academia.edu.documents/47346254/61_Paper_310516183_IJCSIS_Camera_Ready_A_465-470.pdf?AWSAccessKeyId=AKIAIWOWYYGZ2Y53UL3A&amp;Expires=1543382918&amp;Signature=mElSGYfIjtJ2jRADgiizbuyKlE8%3D&amp;response-content-disposition=inline%3B%20filename%3DPermission_Based_Android_Malware_Detecti.pdf"/>
    <hyperlink ref="G89" r:id="rId97"/>
    <hyperlink ref="G264" r:id="rId98"/>
    <hyperlink ref="G266" r:id="rId99"/>
    <hyperlink ref="G57" r:id="rId100"/>
    <hyperlink ref="G56" r:id="rId101"/>
    <hyperlink ref="G357" r:id="rId102"/>
    <hyperlink ref="G354" r:id="rId103"/>
    <hyperlink ref="G353" r:id="rId104"/>
    <hyperlink ref="G352" r:id="rId105"/>
    <hyperlink ref="G351" r:id="rId106"/>
    <hyperlink ref="G350" r:id="rId107"/>
    <hyperlink ref="G349" r:id="rId108"/>
    <hyperlink ref="G408" r:id="rId109"/>
    <hyperlink ref="G409" r:id="rId110"/>
    <hyperlink ref="G414" r:id="rId111"/>
    <hyperlink ref="G415" r:id="rId112"/>
    <hyperlink ref="G416" r:id="rId113"/>
    <hyperlink ref="G417" r:id="rId114"/>
    <hyperlink ref="G258" r:id="rId115"/>
    <hyperlink ref="G206" r:id="rId116"/>
    <hyperlink ref="G149" r:id="rId117"/>
    <hyperlink ref="G150" r:id="rId118"/>
    <hyperlink ref="G151" r:id="rId119"/>
    <hyperlink ref="G152" r:id="rId120"/>
    <hyperlink ref="G153" r:id="rId121"/>
    <hyperlink ref="G154" r:id="rId122"/>
    <hyperlink ref="G174" r:id="rId123"/>
    <hyperlink ref="G175" r:id="rId124"/>
    <hyperlink ref="G176" r:id="rId125"/>
    <hyperlink ref="G177" r:id="rId126"/>
    <hyperlink ref="G178" r:id="rId127"/>
    <hyperlink ref="G179" r:id="rId128"/>
    <hyperlink ref="G180" r:id="rId129"/>
    <hyperlink ref="G95" r:id="rId130"/>
    <hyperlink ref="G96" r:id="rId131"/>
    <hyperlink ref="G97" r:id="rId132"/>
    <hyperlink ref="G98" r:id="rId133"/>
    <hyperlink ref="G99" r:id="rId134"/>
    <hyperlink ref="G100" r:id="rId135"/>
    <hyperlink ref="G101" r:id="rId136"/>
    <hyperlink ref="G102" r:id="rId137"/>
    <hyperlink ref="G104" r:id="rId138"/>
    <hyperlink ref="G105" r:id="rId139"/>
    <hyperlink ref="G106" r:id="rId140"/>
    <hyperlink ref="G108" r:id="rId141"/>
    <hyperlink ref="G110" r:id="rId142"/>
    <hyperlink ref="G190" r:id="rId143"/>
    <hyperlink ref="G191" r:id="rId144"/>
    <hyperlink ref="G195" r:id="rId145"/>
    <hyperlink ref="G197" r:id="rId146"/>
    <hyperlink ref="G198" r:id="rId147"/>
    <hyperlink ref="G199" r:id="rId148"/>
    <hyperlink ref="G201" r:id="rId149"/>
    <hyperlink ref="G202" r:id="rId150"/>
    <hyperlink ref="G203" r:id="rId151"/>
    <hyperlink ref="G204" r:id="rId152"/>
    <hyperlink ref="G272" r:id="rId153"/>
    <hyperlink ref="G275" r:id="rId154"/>
    <hyperlink ref="G276" r:id="rId155"/>
    <hyperlink ref="G277" r:id="rId156"/>
    <hyperlink ref="G278" r:id="rId157" display="http://www.ijaestonline.com/"/>
    <hyperlink ref="G279" r:id="rId158"/>
    <hyperlink ref="G280" r:id="rId159"/>
    <hyperlink ref="G439" r:id="rId160"/>
    <hyperlink ref="G390" r:id="rId161"/>
    <hyperlink ref="G69" r:id="rId162"/>
    <hyperlink ref="G70" r:id="rId163"/>
    <hyperlink ref="G71" r:id="rId164"/>
    <hyperlink ref="G11" r:id="rId165"/>
    <hyperlink ref="G322" r:id="rId166"/>
    <hyperlink ref="G4" r:id="rId167"/>
    <hyperlink ref="G5" r:id="rId168"/>
    <hyperlink ref="G6" r:id="rId169"/>
    <hyperlink ref="G7" r:id="rId170"/>
    <hyperlink ref="G8" r:id="rId171"/>
    <hyperlink ref="G10" r:id="rId172"/>
    <hyperlink ref="G12" r:id="rId173"/>
    <hyperlink ref="G13" r:id="rId174"/>
    <hyperlink ref="G14" r:id="rId175"/>
    <hyperlink ref="G15" r:id="rId176"/>
    <hyperlink ref="G16" r:id="rId177"/>
    <hyperlink ref="G17" r:id="rId178"/>
    <hyperlink ref="G18" r:id="rId179"/>
    <hyperlink ref="G19" r:id="rId180"/>
    <hyperlink ref="G20" r:id="rId181"/>
    <hyperlink ref="G381" r:id="rId182"/>
    <hyperlink ref="G387" r:id="rId183"/>
    <hyperlink ref="G391" r:id="rId184"/>
    <hyperlink ref="G400" r:id="rId185"/>
    <hyperlink ref="G401" r:id="rId186"/>
    <hyperlink ref="G419" r:id="rId187"/>
    <hyperlink ref="G420" r:id="rId188"/>
    <hyperlink ref="G421" r:id="rId189"/>
    <hyperlink ref="G422" r:id="rId190"/>
    <hyperlink ref="G424" r:id="rId191"/>
    <hyperlink ref="G432" r:id="rId192"/>
    <hyperlink ref="G433" r:id="rId193"/>
    <hyperlink ref="G434" r:id="rId194"/>
    <hyperlink ref="G435" r:id="rId195"/>
    <hyperlink ref="G436" r:id="rId196"/>
    <hyperlink ref="G437" r:id="rId197"/>
    <hyperlink ref="G438" r:id="rId198"/>
    <hyperlink ref="G234" r:id="rId199"/>
    <hyperlink ref="G233" r:id="rId200"/>
    <hyperlink ref="G88" r:id="rId201"/>
    <hyperlink ref="G377" r:id="rId202"/>
    <hyperlink ref="G376" r:id="rId203"/>
    <hyperlink ref="G372" r:id="rId204"/>
    <hyperlink ref="G370" r:id="rId205"/>
    <hyperlink ref="G369" r:id="rId206"/>
    <hyperlink ref="G368" r:id="rId207"/>
    <hyperlink ref="G367" r:id="rId208"/>
    <hyperlink ref="G366" r:id="rId209"/>
    <hyperlink ref="G365" r:id="rId210"/>
    <hyperlink ref="G364" r:id="rId211"/>
    <hyperlink ref="G363" r:id="rId212"/>
    <hyperlink ref="G361" r:id="rId213"/>
    <hyperlink ref="G359" r:id="rId214"/>
    <hyperlink ref="G114" r:id="rId215"/>
    <hyperlink ref="G115" r:id="rId216"/>
    <hyperlink ref="G116" r:id="rId217"/>
    <hyperlink ref="G208" r:id="rId218"/>
    <hyperlink ref="G29" r:id="rId219"/>
    <hyperlink ref="G31" r:id="rId220"/>
    <hyperlink ref="G32" r:id="rId221"/>
    <hyperlink ref="G33" r:id="rId222"/>
    <hyperlink ref="G399" r:id="rId223" display="https://scholar.google.co.in/citations?view_op=list_works&amp;hl=en&amp;user=j_AQ0f0AAAAJ&amp;gmla=AJsN-F5zPtgtDn-qnfZFjatEBJCwbNfZibbz6eolHVl0sAIdq_6vKZ1v7P3FSQ-iQhiaB1oqdCaupx3Q06xZhpZMByoL8CJK1mFye1tNqt26kHRvnoY33v8&amp;sciund=15656036771042146494&amp;gmla=AJsN-F6v7BiBOUkjpenhCr8QABikDnspB-lRL9e5uvVO2mXrvlzpTR7gO8qavxqcfbou3Dfa9pb-q4yTkxzCn5SDxzC7cT4-hAyvNNuAhLgjcAwIjJLxv24&amp;sciund=15258926140392282104"/>
    <hyperlink ref="G310" r:id="rId224"/>
    <hyperlink ref="G311" r:id="rId225"/>
    <hyperlink ref="G396" r:id="rId226"/>
    <hyperlink ref="G181" r:id="rId227"/>
    <hyperlink ref="G182" r:id="rId228"/>
    <hyperlink ref="G183" r:id="rId229"/>
    <hyperlink ref="G328" r:id="rId230"/>
    <hyperlink ref="G325" r:id="rId231"/>
    <hyperlink ref="G406" r:id="rId232"/>
    <hyperlink ref="G73" r:id="rId233"/>
    <hyperlink ref="G74" r:id="rId234"/>
    <hyperlink ref="G240" r:id="rId235"/>
    <hyperlink ref="G135" r:id="rId236"/>
    <hyperlink ref="G84" r:id="rId237"/>
    <hyperlink ref="G85:G86" r:id="rId238" display="https://scholar.google.co.in/citations?user=7mBojZwAAAAJ&amp;hl=en"/>
    <hyperlink ref="G112" r:id="rId239"/>
    <hyperlink ref="G147" r:id="rId240"/>
    <hyperlink ref="G146" r:id="rId241"/>
    <hyperlink ref="G145" r:id="rId242"/>
    <hyperlink ref="G144" r:id="rId243"/>
    <hyperlink ref="G143" r:id="rId244"/>
    <hyperlink ref="G136" r:id="rId245"/>
    <hyperlink ref="G137" r:id="rId246"/>
    <hyperlink ref="G138" r:id="rId247"/>
    <hyperlink ref="G139" r:id="rId248"/>
    <hyperlink ref="G140" r:id="rId249"/>
    <hyperlink ref="G141" r:id="rId250"/>
    <hyperlink ref="G142" r:id="rId251"/>
    <hyperlink ref="G261" r:id="rId252"/>
    <hyperlink ref="G248" r:id="rId253"/>
    <hyperlink ref="G253" r:id="rId254"/>
    <hyperlink ref="G254" r:id="rId255"/>
    <hyperlink ref="G255" r:id="rId256"/>
    <hyperlink ref="G250" r:id="rId257"/>
    <hyperlink ref="G252" r:id="rId258"/>
    <hyperlink ref="G341" r:id="rId259"/>
    <hyperlink ref="G342" r:id="rId260"/>
    <hyperlink ref="G340" r:id="rId261"/>
    <hyperlink ref="G339" r:id="rId262"/>
    <hyperlink ref="G256" r:id="rId263"/>
    <hyperlink ref="G344" r:id="rId264"/>
    <hyperlink ref="G346" r:id="rId265"/>
    <hyperlink ref="G267" r:id="rId266"/>
    <hyperlink ref="G251" r:id="rId267"/>
    <hyperlink ref="G345" r:id="rId268"/>
    <hyperlink ref="G412" r:id="rId269"/>
    <hyperlink ref="G413" r:id="rId270"/>
    <hyperlink ref="G356" r:id="rId271"/>
    <hyperlink ref="G257" r:id="rId272"/>
    <hyperlink ref="G358" r:id="rId273" display="http://www.ijircst.org/DOC/17_IRP231_2c1a0d98e-5838-48c4-9d46-39373b6124c2.pdf"/>
    <hyperlink ref="G411" r:id="rId274"/>
    <hyperlink ref="G52" r:id="rId275" display="http://ijirt.org/master/publishedpaper/IJIRT146560_PAPER.pdf"/>
    <hyperlink ref="G58" r:id="rId276"/>
    <hyperlink ref="G59:G63" r:id="rId277" display="https://scholar.google.co.in/citations?user=5FVPLGoAAAAJ&amp;hl=en"/>
    <hyperlink ref="G155:G165" r:id="rId278" display="https://scholar.google.co.in/citations?user=5FVPLGoAAAAJ&amp;hl=en"/>
    <hyperlink ref="G68" r:id="rId279"/>
    <hyperlink ref="G172" r:id="rId280"/>
    <hyperlink ref="G231:G232" r:id="rId281" display="https://scholar.google.co.in/citations?user=-q7c008AAAAJ&amp;hl=en"/>
    <hyperlink ref="G402:G403" r:id="rId282" display="https://scholar.google.co.in/citations?user=-q7c008AAAAJ&amp;hl=en"/>
    <hyperlink ref="G75" r:id="rId283"/>
    <hyperlink ref="G76:G78" r:id="rId284" display="https://scholar.google.com/citations?user=QtGIUwQAAAAJ&amp;hl=en"/>
    <hyperlink ref="G184" r:id="rId285"/>
    <hyperlink ref="G235:G236" r:id="rId286" display="https://scholar.google.com/citations?user=QtGIUwQAAAAJ&amp;hl=en"/>
    <hyperlink ref="G192" r:id="rId287"/>
    <hyperlink ref="G193" r:id="rId288"/>
    <hyperlink ref="G82" r:id="rId289"/>
    <hyperlink ref="G83" r:id="rId290"/>
    <hyperlink ref="G79" r:id="rId291"/>
    <hyperlink ref="G80" r:id="rId292"/>
    <hyperlink ref="G81" r:id="rId293"/>
    <hyperlink ref="G185:G187" r:id="rId294" display="https://scholar.google.com/citations?user=iJLxwDUAAAAJ&amp;hl=en"/>
    <hyperlink ref="G237:G238" r:id="rId295" display="https://scholar.google.com/citations?user=iJLxwDUAAAAJ&amp;hl=en"/>
    <hyperlink ref="G312" r:id="rId296"/>
    <hyperlink ref="G313:G319" r:id="rId297" display="https://scholar.google.co.in/citations?user=5FVPLGoAAAAJ&amp;hl=en"/>
    <hyperlink ref="G72" r:id="rId298"/>
    <hyperlink ref="G404" r:id="rId299"/>
    <hyperlink ref="G405" r:id="rId300"/>
    <hyperlink ref="G241" r:id="rId301"/>
    <hyperlink ref="G242" r:id="rId302"/>
    <hyperlink ref="G173" r:id="rId303"/>
    <hyperlink ref="G343" r:id="rId304"/>
    <hyperlink ref="G103" r:id="rId305"/>
    <hyperlink ref="G107" r:id="rId306"/>
    <hyperlink ref="G109" r:id="rId307"/>
    <hyperlink ref="G111" r:id="rId308"/>
    <hyperlink ref="G188" r:id="rId309"/>
    <hyperlink ref="G194" r:id="rId310"/>
    <hyperlink ref="G200" r:id="rId311"/>
    <hyperlink ref="G273" r:id="rId312"/>
    <hyperlink ref="G274" r:id="rId313" display="https://scholar.google.co.in/citations?hl=en&amp;user=yhHFh70AAAAJ"/>
    <hyperlink ref="G362" r:id="rId314"/>
    <hyperlink ref="G360" r:id="rId315"/>
    <hyperlink ref="G373" r:id="rId316"/>
    <hyperlink ref="G379" r:id="rId317"/>
    <hyperlink ref="G380" r:id="rId318"/>
    <hyperlink ref="G386" r:id="rId319"/>
    <hyperlink ref="G389" r:id="rId320"/>
    <hyperlink ref="G371" r:id="rId321"/>
    <hyperlink ref="G418" r:id="rId322"/>
    <hyperlink ref="G423" r:id="rId323"/>
    <hyperlink ref="G430" r:id="rId324"/>
    <hyperlink ref="G431" r:id="rId325"/>
    <hyperlink ref="G428" r:id="rId326"/>
    <hyperlink ref="G323:G324" r:id="rId327" display="https://scholar.google.com/citations?hl=en&amp;user=ff691OwAAAAJ"/>
    <hyperlink ref="G329" r:id="rId328"/>
    <hyperlink ref="G321" r:id="rId329"/>
    <hyperlink ref="G291" r:id="rId330"/>
    <hyperlink ref="G292" r:id="rId331"/>
    <hyperlink ref="G294" r:id="rId332"/>
    <hyperlink ref="G285" r:id="rId333"/>
    <hyperlink ref="G303" r:id="rId334"/>
    <hyperlink ref="G289" r:id="rId335"/>
    <hyperlink ref="G286" r:id="rId336" location="d=gs_md_cita-d&amp;u=%2Fcitations%3Fview_op%3Dview_citation%26hl%3Den%26user%3DjVoC6xgAAAAJ%26citation_for_view%3DjVoC6xgAAAAJ%3ATyk-4Ss8FVUC%26tzom%3D-330"/>
    <hyperlink ref="G282" r:id="rId337" location="d=gs_md_cita-d&amp;u=%2Fcitations%3Fview_op%3Dview_citation%26hl%3Den%26user%3DDtjhCTcAAAAJ%26citation_for_view%3DDtjhCTcAAAAJ%3Ad1gkVwhDpl0C%26tzom%3D-330"/>
    <hyperlink ref="G283" r:id="rId338" location="d=gs_md_cita-d&amp;u=%2Fcitations%3Fview_op%3Dview_citation%26hl%3Den%26user%3D7NBKurgAAAAJ%26citation_for_view%3D7NBKurgAAAAJ%3AIjCSPb-OGe4C%26tzom%3D-330"/>
    <hyperlink ref="G284" r:id="rId339"/>
    <hyperlink ref="G287" r:id="rId340"/>
    <hyperlink ref="G288" r:id="rId341"/>
    <hyperlink ref="G290" r:id="rId342"/>
    <hyperlink ref="G293" r:id="rId343"/>
    <hyperlink ref="G295" r:id="rId344"/>
    <hyperlink ref="G296" r:id="rId345"/>
    <hyperlink ref="G297" r:id="rId346"/>
    <hyperlink ref="G298" r:id="rId347"/>
    <hyperlink ref="G299" r:id="rId348"/>
    <hyperlink ref="G300" r:id="rId349"/>
    <hyperlink ref="G301" r:id="rId350"/>
    <hyperlink ref="G302" r:id="rId351"/>
    <hyperlink ref="G304" r:id="rId352"/>
    <hyperlink ref="G374" r:id="rId353"/>
    <hyperlink ref="G375" r:id="rId354"/>
    <hyperlink ref="G378" r:id="rId355"/>
    <hyperlink ref="G382" r:id="rId356"/>
    <hyperlink ref="G383" r:id="rId357"/>
    <hyperlink ref="G384" r:id="rId358"/>
    <hyperlink ref="G385" r:id="rId359"/>
    <hyperlink ref="G388" r:id="rId360"/>
    <hyperlink ref="G425" r:id="rId361"/>
    <hyperlink ref="G426" r:id="rId362"/>
    <hyperlink ref="G427" r:id="rId363"/>
    <hyperlink ref="G429" r:id="rId364"/>
    <hyperlink ref="G238" r:id="rId365"/>
    <hyperlink ref="G326" r:id="rId366"/>
    <hyperlink ref="G327" r:id="rId367"/>
    <hyperlink ref="G64" r:id="rId368"/>
    <hyperlink ref="G65:G67" r:id="rId369" display="https://scholar.google.co.in/citations?hl=en&amp;authuser=3&amp;user=mnZmy6gAAAAJ"/>
    <hyperlink ref="G166:G171" r:id="rId370" display="https://scholar.google.co.in/citations?hl=en&amp;authuser=3&amp;user=mnZmy6gAAAAJ"/>
    <hyperlink ref="G229:G230" r:id="rId371" display="https://scholar.google.co.in/citations?hl=en&amp;authuser=3&amp;user=mnZmy6gAAAAJ"/>
    <hyperlink ref="G320" r:id="rId372"/>
    <hyperlink ref="G3" r:id="rId373"/>
    <hyperlink ref="G9" r:id="rId374"/>
    <hyperlink ref="G243" r:id="rId375"/>
  </hyperlinks>
  <pageMargins left="0.7" right="0.7" top="0.75" bottom="0.75" header="0.3" footer="0.3"/>
  <pageSetup paperSize="9" orientation="portrait" r:id="rId376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3.3.4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19-02-18T10:05:48Z</dcterms:modified>
</cp:coreProperties>
</file>